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4章 商工業・企業立地\01公表用\"/>
    </mc:Choice>
  </mc:AlternateContent>
  <xr:revisionPtr revIDLastSave="0" documentId="13_ncr:1_{765002F4-1558-40A9-BEFC-4CA5FABE9E10}" xr6:coauthVersionLast="44" xr6:coauthVersionMax="44" xr10:uidLastSave="{00000000-0000-0000-0000-000000000000}"/>
  <bookViews>
    <workbookView xWindow="-108" yWindow="-108" windowWidth="23256" windowHeight="12576" xr2:uid="{3BB19003-520B-4A4A-8DE4-BD55F06D7BEB}"/>
  </bookViews>
  <sheets>
    <sheet name="1-2 従業者規模別事業所数" sheetId="1" r:id="rId1"/>
  </sheets>
  <definedNames>
    <definedName name="_xlnm.Print_Area" localSheetId="0">'1-2 従業者規模別事業所数'!$A$1:$S$5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F40" i="1" l="1"/>
  <c r="F41" i="1"/>
  <c r="F42" i="1"/>
  <c r="F43" i="1"/>
  <c r="F44" i="1"/>
  <c r="F45" i="1"/>
  <c r="F46" i="1"/>
  <c r="F47" i="1"/>
  <c r="F48" i="1"/>
  <c r="F49" i="1"/>
  <c r="F50" i="1"/>
  <c r="F51" i="1"/>
  <c r="F52" i="1"/>
  <c r="F53" i="1"/>
  <c r="F54" i="1"/>
  <c r="F55" i="1"/>
  <c r="F56" i="1"/>
  <c r="F39" i="1"/>
  <c r="E40" i="1"/>
  <c r="E41" i="1"/>
  <c r="E42" i="1"/>
  <c r="E43" i="1"/>
  <c r="E44" i="1"/>
  <c r="E45" i="1"/>
  <c r="E46" i="1"/>
  <c r="E47" i="1"/>
  <c r="E48" i="1"/>
  <c r="E49" i="1"/>
  <c r="E50" i="1"/>
  <c r="E51" i="1"/>
  <c r="E52" i="1"/>
  <c r="E53" i="1"/>
  <c r="E54" i="1"/>
  <c r="E55" i="1"/>
  <c r="E56" i="1"/>
  <c r="E39" i="1"/>
</calcChain>
</file>

<file path=xl/sharedStrings.xml><?xml version="1.0" encoding="utf-8"?>
<sst xmlns="http://schemas.openxmlformats.org/spreadsheetml/2006/main" count="131" uniqueCount="66">
  <si>
    <t>R サービス業(他に分類されないもの)</t>
    <phoneticPr fontId="2"/>
  </si>
  <si>
    <t>Q 複合サービス事業</t>
    <phoneticPr fontId="2"/>
  </si>
  <si>
    <t>P 医療，福祉</t>
    <phoneticPr fontId="2"/>
  </si>
  <si>
    <t>O 教育，学習支援業</t>
    <phoneticPr fontId="2"/>
  </si>
  <si>
    <t>N 生活関連サービス業，娯楽業</t>
    <phoneticPr fontId="2"/>
  </si>
  <si>
    <t>M 宿泊業，飲食サービス業</t>
    <phoneticPr fontId="2"/>
  </si>
  <si>
    <t>-</t>
  </si>
  <si>
    <t>L 学術研究，専門・技術サービス業</t>
    <phoneticPr fontId="2"/>
  </si>
  <si>
    <t>K 不動産業，物品賃貸業</t>
    <phoneticPr fontId="2"/>
  </si>
  <si>
    <t>J 金融業，保険業</t>
    <phoneticPr fontId="2"/>
  </si>
  <si>
    <t>I 卸売業，小売業</t>
    <phoneticPr fontId="2"/>
  </si>
  <si>
    <t>H 運輸業，郵便業</t>
    <phoneticPr fontId="2"/>
  </si>
  <si>
    <t>G 情報通信業</t>
    <phoneticPr fontId="2"/>
  </si>
  <si>
    <t>F 電気・ガス・熱供給・水道業</t>
    <phoneticPr fontId="2"/>
  </si>
  <si>
    <t>E 製造業</t>
    <phoneticPr fontId="2"/>
  </si>
  <si>
    <t>D 建設業</t>
    <phoneticPr fontId="2"/>
  </si>
  <si>
    <t>C 鉱業，採石業，砂利採取業</t>
    <phoneticPr fontId="2"/>
  </si>
  <si>
    <t>B 漁業</t>
    <phoneticPr fontId="2"/>
  </si>
  <si>
    <t>A 農業，林業</t>
    <phoneticPr fontId="2"/>
  </si>
  <si>
    <t>平成28年　産業分類別事業所数及び従業者数</t>
    <rPh sb="0" eb="2">
      <t>ヘイセイ</t>
    </rPh>
    <rPh sb="4" eb="5">
      <t>ネン</t>
    </rPh>
    <rPh sb="6" eb="8">
      <t>サンギョウ</t>
    </rPh>
    <rPh sb="8" eb="10">
      <t>ブンルイ</t>
    </rPh>
    <rPh sb="10" eb="11">
      <t>ベツ</t>
    </rPh>
    <rPh sb="11" eb="14">
      <t>ジギョウショ</t>
    </rPh>
    <rPh sb="14" eb="15">
      <t>スウ</t>
    </rPh>
    <rPh sb="15" eb="16">
      <t>オヨ</t>
    </rPh>
    <rPh sb="17" eb="18">
      <t>ジュウ</t>
    </rPh>
    <rPh sb="18" eb="21">
      <t>ギョウシャスウ</t>
    </rPh>
    <phoneticPr fontId="2"/>
  </si>
  <si>
    <t>平成２８年</t>
    <rPh sb="0" eb="2">
      <t>ｈ</t>
    </rPh>
    <rPh sb="4" eb="5">
      <t>ネン</t>
    </rPh>
    <phoneticPr fontId="6"/>
  </si>
  <si>
    <t>２０１７年</t>
    <rPh sb="4" eb="5">
      <t>ネン</t>
    </rPh>
    <phoneticPr fontId="6"/>
  </si>
  <si>
    <t>平成２６年</t>
    <rPh sb="0" eb="2">
      <t>ｈ</t>
    </rPh>
    <rPh sb="4" eb="5">
      <t>ネン</t>
    </rPh>
    <phoneticPr fontId="6"/>
  </si>
  <si>
    <t>２０１５年</t>
    <rPh sb="4" eb="5">
      <t>ネン</t>
    </rPh>
    <phoneticPr fontId="6"/>
  </si>
  <si>
    <t>平成２４年</t>
    <rPh sb="0" eb="2">
      <t>ｈ</t>
    </rPh>
    <rPh sb="4" eb="5">
      <t>ネン</t>
    </rPh>
    <phoneticPr fontId="6"/>
  </si>
  <si>
    <t>２０１２年</t>
    <rPh sb="4" eb="5">
      <t>ネン</t>
    </rPh>
    <phoneticPr fontId="6"/>
  </si>
  <si>
    <t>平成２１年</t>
    <rPh sb="0" eb="2">
      <t>ｈ</t>
    </rPh>
    <rPh sb="4" eb="5">
      <t>ネン</t>
    </rPh>
    <phoneticPr fontId="6"/>
  </si>
  <si>
    <t>２００９年</t>
    <rPh sb="4" eb="5">
      <t>ネン</t>
    </rPh>
    <phoneticPr fontId="6"/>
  </si>
  <si>
    <t>平成１８年</t>
    <rPh sb="0" eb="2">
      <t>ｈ</t>
    </rPh>
    <rPh sb="4" eb="5">
      <t>ネン</t>
    </rPh>
    <phoneticPr fontId="6"/>
  </si>
  <si>
    <t>２００６年</t>
    <rPh sb="4" eb="5">
      <t>ネン</t>
    </rPh>
    <phoneticPr fontId="6"/>
  </si>
  <si>
    <t>平成１６年</t>
    <rPh sb="0" eb="2">
      <t>ｈ</t>
    </rPh>
    <rPh sb="4" eb="5">
      <t>ネン</t>
    </rPh>
    <phoneticPr fontId="6"/>
  </si>
  <si>
    <t>２００４年</t>
    <rPh sb="4" eb="5">
      <t>ネン</t>
    </rPh>
    <phoneticPr fontId="6"/>
  </si>
  <si>
    <t>平成１３年</t>
    <rPh sb="0" eb="2">
      <t>ｈ</t>
    </rPh>
    <rPh sb="4" eb="5">
      <t>ネン</t>
    </rPh>
    <phoneticPr fontId="6"/>
  </si>
  <si>
    <t>２００１年</t>
    <rPh sb="4" eb="5">
      <t>ネン</t>
    </rPh>
    <phoneticPr fontId="6"/>
  </si>
  <si>
    <t>平成１１年</t>
    <rPh sb="0" eb="2">
      <t>ｈ</t>
    </rPh>
    <rPh sb="4" eb="5">
      <t>ネン</t>
    </rPh>
    <phoneticPr fontId="6"/>
  </si>
  <si>
    <t>１９９９年</t>
    <rPh sb="4" eb="5">
      <t>ネン</t>
    </rPh>
    <phoneticPr fontId="6"/>
  </si>
  <si>
    <t>平成　８年</t>
    <rPh sb="0" eb="2">
      <t>ｈ</t>
    </rPh>
    <rPh sb="4" eb="5">
      <t>ネン</t>
    </rPh>
    <phoneticPr fontId="6"/>
  </si>
  <si>
    <t>１９９６年</t>
    <rPh sb="4" eb="5">
      <t>ネン</t>
    </rPh>
    <phoneticPr fontId="6"/>
  </si>
  <si>
    <t>平成　６年</t>
    <rPh sb="0" eb="2">
      <t>ｈ</t>
    </rPh>
    <rPh sb="4" eb="5">
      <t>ネン</t>
    </rPh>
    <phoneticPr fontId="6"/>
  </si>
  <si>
    <t>１９９４年</t>
    <rPh sb="4" eb="5">
      <t>ネン</t>
    </rPh>
    <phoneticPr fontId="6"/>
  </si>
  <si>
    <t>平成　３年</t>
    <rPh sb="0" eb="2">
      <t>ｈ</t>
    </rPh>
    <rPh sb="4" eb="5">
      <t>ネン</t>
    </rPh>
    <phoneticPr fontId="6"/>
  </si>
  <si>
    <t>１９９１年</t>
    <rPh sb="4" eb="5">
      <t>ネン</t>
    </rPh>
    <phoneticPr fontId="6"/>
  </si>
  <si>
    <t>昭和６１年</t>
    <rPh sb="0" eb="2">
      <t>ｓ</t>
    </rPh>
    <rPh sb="4" eb="5">
      <t>ネン</t>
    </rPh>
    <phoneticPr fontId="6"/>
  </si>
  <si>
    <t>１９８６年</t>
    <rPh sb="4" eb="5">
      <t>ネン</t>
    </rPh>
    <phoneticPr fontId="6"/>
  </si>
  <si>
    <t>昭和５６年</t>
    <rPh sb="0" eb="2">
      <t>ｓ</t>
    </rPh>
    <rPh sb="4" eb="5">
      <t>ネン</t>
    </rPh>
    <phoneticPr fontId="6"/>
  </si>
  <si>
    <t>１９８１年</t>
    <rPh sb="4" eb="5">
      <t>ネン</t>
    </rPh>
    <phoneticPr fontId="6"/>
  </si>
  <si>
    <t>昭和５３年</t>
    <rPh sb="0" eb="2">
      <t>ｓ</t>
    </rPh>
    <rPh sb="4" eb="5">
      <t>ネン</t>
    </rPh>
    <phoneticPr fontId="6"/>
  </si>
  <si>
    <t>１９７８年</t>
    <rPh sb="4" eb="5">
      <t>ネン</t>
    </rPh>
    <phoneticPr fontId="6"/>
  </si>
  <si>
    <t>昭和５０年</t>
    <rPh sb="0" eb="2">
      <t>ｓ</t>
    </rPh>
    <rPh sb="4" eb="5">
      <t>ネン</t>
    </rPh>
    <phoneticPr fontId="6"/>
  </si>
  <si>
    <t>１９７５年</t>
    <rPh sb="4" eb="5">
      <t>ネン</t>
    </rPh>
    <phoneticPr fontId="6"/>
  </si>
  <si>
    <t>昭和４７年</t>
    <rPh sb="0" eb="2">
      <t>ｓ</t>
    </rPh>
    <rPh sb="4" eb="5">
      <t>ネン</t>
    </rPh>
    <phoneticPr fontId="6"/>
  </si>
  <si>
    <t>１９７２年</t>
    <rPh sb="4" eb="5">
      <t>ネン</t>
    </rPh>
    <phoneticPr fontId="6"/>
  </si>
  <si>
    <t>従業
者数</t>
    <rPh sb="0" eb="2">
      <t>ジュウギョウ</t>
    </rPh>
    <phoneticPr fontId="6"/>
  </si>
  <si>
    <t>事業
所数</t>
    <rPh sb="0" eb="2">
      <t>ジギョウ</t>
    </rPh>
    <phoneticPr fontId="6"/>
  </si>
  <si>
    <t>30人以上</t>
    <rPh sb="2" eb="3">
      <t>ニン</t>
    </rPh>
    <rPh sb="3" eb="5">
      <t>イジョウ</t>
    </rPh>
    <phoneticPr fontId="6"/>
  </si>
  <si>
    <t>20～29人</t>
    <rPh sb="5" eb="6">
      <t>ニン</t>
    </rPh>
    <phoneticPr fontId="6"/>
  </si>
  <si>
    <t>10～19人</t>
    <rPh sb="5" eb="6">
      <t>ニン</t>
    </rPh>
    <phoneticPr fontId="6"/>
  </si>
  <si>
    <t>５～９人</t>
    <rPh sb="3" eb="4">
      <t>ニン</t>
    </rPh>
    <phoneticPr fontId="6"/>
  </si>
  <si>
    <t>１～４人</t>
    <rPh sb="3" eb="4">
      <t>ニン</t>
    </rPh>
    <phoneticPr fontId="6"/>
  </si>
  <si>
    <t>総　　　数</t>
    <rPh sb="0" eb="5">
      <t>ソウスウ</t>
    </rPh>
    <phoneticPr fontId="6"/>
  </si>
  <si>
    <t>調査
期日</t>
    <rPh sb="0" eb="2">
      <t>チョウサ</t>
    </rPh>
    <rPh sb="3" eb="5">
      <t>キジツ</t>
    </rPh>
    <phoneticPr fontId="2"/>
  </si>
  <si>
    <t>和歴</t>
    <rPh sb="0" eb="1">
      <t>ワ</t>
    </rPh>
    <rPh sb="1" eb="2">
      <t>レキ</t>
    </rPh>
    <phoneticPr fontId="6"/>
  </si>
  <si>
    <t>西歴</t>
    <rPh sb="0" eb="1">
      <t>ニシ</t>
    </rPh>
    <rPh sb="1" eb="2">
      <t>レキ</t>
    </rPh>
    <phoneticPr fontId="6"/>
  </si>
  <si>
    <t>令和３年　産業分類別事業所数及び従業者数</t>
    <rPh sb="0" eb="2">
      <t>レイワ</t>
    </rPh>
    <rPh sb="3" eb="4">
      <t>ネン</t>
    </rPh>
    <rPh sb="5" eb="7">
      <t>サンギョウ</t>
    </rPh>
    <rPh sb="7" eb="9">
      <t>ブンルイ</t>
    </rPh>
    <rPh sb="9" eb="10">
      <t>ベツ</t>
    </rPh>
    <rPh sb="10" eb="13">
      <t>ジギョウショ</t>
    </rPh>
    <rPh sb="13" eb="14">
      <t>スウ</t>
    </rPh>
    <rPh sb="14" eb="15">
      <t>オヨ</t>
    </rPh>
    <rPh sb="16" eb="17">
      <t>ジュウ</t>
    </rPh>
    <rPh sb="17" eb="20">
      <t>ギョウシャスウ</t>
    </rPh>
    <phoneticPr fontId="2"/>
  </si>
  <si>
    <t>産業分類</t>
    <rPh sb="0" eb="4">
      <t>サンギョウブンルイ</t>
    </rPh>
    <phoneticPr fontId="2"/>
  </si>
  <si>
    <t>出向・派遣従業者のみ</t>
    <rPh sb="0" eb="2">
      <t>シュッコウ</t>
    </rPh>
    <rPh sb="3" eb="5">
      <t>ハケン</t>
    </rPh>
    <rPh sb="5" eb="8">
      <t>ジュウギョウシャ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73">
    <border>
      <left/>
      <right/>
      <top/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98">
    <xf numFmtId="0" fontId="0" fillId="0" borderId="0" xfId="0"/>
    <xf numFmtId="0" fontId="3" fillId="0" borderId="1" xfId="0" applyFont="1" applyBorder="1" applyAlignment="1">
      <alignment horizontal="right" vertical="center"/>
    </xf>
    <xf numFmtId="0" fontId="3" fillId="0" borderId="2" xfId="0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38" fontId="3" fillId="0" borderId="3" xfId="1" applyFont="1" applyBorder="1" applyAlignment="1">
      <alignment horizontal="right" vertical="center"/>
    </xf>
    <xf numFmtId="38" fontId="3" fillId="0" borderId="2" xfId="1" applyFont="1" applyBorder="1" applyAlignment="1">
      <alignment horizontal="right" vertical="center"/>
    </xf>
    <xf numFmtId="38" fontId="3" fillId="0" borderId="4" xfId="1" applyFont="1" applyBorder="1" applyAlignment="1">
      <alignment horizontal="right" vertical="center"/>
    </xf>
    <xf numFmtId="0" fontId="3" fillId="0" borderId="9" xfId="0" applyFont="1" applyBorder="1" applyAlignment="1">
      <alignment horizontal="right" vertical="center"/>
    </xf>
    <xf numFmtId="0" fontId="3" fillId="0" borderId="10" xfId="0" applyFont="1" applyBorder="1" applyAlignment="1">
      <alignment horizontal="right" vertical="center"/>
    </xf>
    <xf numFmtId="0" fontId="3" fillId="0" borderId="11" xfId="0" applyFont="1" applyBorder="1" applyAlignment="1">
      <alignment horizontal="right" vertical="center"/>
    </xf>
    <xf numFmtId="38" fontId="3" fillId="0" borderId="11" xfId="1" applyFont="1" applyBorder="1" applyAlignment="1">
      <alignment horizontal="right" vertical="center"/>
    </xf>
    <xf numFmtId="38" fontId="3" fillId="0" borderId="10" xfId="1" applyFont="1" applyBorder="1" applyAlignment="1">
      <alignment horizontal="right" vertical="center"/>
    </xf>
    <xf numFmtId="38" fontId="3" fillId="0" borderId="12" xfId="1" applyFont="1" applyBorder="1" applyAlignment="1">
      <alignment horizontal="right" vertical="center"/>
    </xf>
    <xf numFmtId="3" fontId="3" fillId="0" borderId="9" xfId="0" applyNumberFormat="1" applyFont="1" applyBorder="1" applyAlignment="1">
      <alignment horizontal="right" vertical="center"/>
    </xf>
    <xf numFmtId="0" fontId="3" fillId="0" borderId="17" xfId="0" applyFont="1" applyBorder="1" applyAlignment="1">
      <alignment horizontal="right" vertical="center"/>
    </xf>
    <xf numFmtId="0" fontId="3" fillId="0" borderId="18" xfId="0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38" fontId="3" fillId="0" borderId="19" xfId="1" applyFont="1" applyBorder="1" applyAlignment="1">
      <alignment horizontal="right" vertical="center"/>
    </xf>
    <xf numFmtId="38" fontId="3" fillId="0" borderId="18" xfId="1" applyFont="1" applyBorder="1" applyAlignment="1">
      <alignment horizontal="right" vertical="center"/>
    </xf>
    <xf numFmtId="38" fontId="3" fillId="0" borderId="20" xfId="1" applyFont="1" applyBorder="1" applyAlignment="1">
      <alignment horizontal="right" vertical="center"/>
    </xf>
    <xf numFmtId="38" fontId="3" fillId="0" borderId="25" xfId="1" applyFont="1" applyBorder="1" applyAlignment="1">
      <alignment horizontal="right" vertical="center" shrinkToFit="1"/>
    </xf>
    <xf numFmtId="38" fontId="3" fillId="0" borderId="26" xfId="1" applyFont="1" applyBorder="1" applyAlignment="1">
      <alignment horizontal="right" vertical="center" shrinkToFit="1"/>
    </xf>
    <xf numFmtId="38" fontId="3" fillId="0" borderId="27" xfId="1" applyFont="1" applyBorder="1" applyAlignment="1">
      <alignment horizontal="right" vertical="center" shrinkToFit="1"/>
    </xf>
    <xf numFmtId="0" fontId="3" fillId="0" borderId="29" xfId="0" applyFont="1" applyFill="1" applyBorder="1" applyAlignment="1">
      <alignment horizontal="right" vertical="center" shrinkToFit="1"/>
    </xf>
    <xf numFmtId="38" fontId="3" fillId="0" borderId="9" xfId="1" applyFont="1" applyBorder="1" applyAlignment="1">
      <alignment horizontal="right" vertical="center" shrinkToFit="1"/>
    </xf>
    <xf numFmtId="38" fontId="3" fillId="0" borderId="10" xfId="1" applyFont="1" applyBorder="1" applyAlignment="1">
      <alignment horizontal="right" vertical="center" shrinkToFit="1"/>
    </xf>
    <xf numFmtId="38" fontId="3" fillId="0" borderId="11" xfId="1" applyFont="1" applyBorder="1" applyAlignment="1">
      <alignment horizontal="right" vertical="center" shrinkToFit="1"/>
    </xf>
    <xf numFmtId="56" fontId="0" fillId="0" borderId="28" xfId="0" applyNumberFormat="1" applyBorder="1" applyAlignment="1">
      <alignment horizontal="right" vertical="center" shrinkToFit="1"/>
    </xf>
    <xf numFmtId="0" fontId="3" fillId="0" borderId="28" xfId="0" applyFont="1" applyFill="1" applyBorder="1" applyAlignment="1">
      <alignment horizontal="right" vertical="center" shrinkToFit="1"/>
    </xf>
    <xf numFmtId="38" fontId="3" fillId="0" borderId="12" xfId="1" applyFont="1" applyBorder="1" applyAlignment="1">
      <alignment horizontal="right" vertical="center" shrinkToFit="1"/>
    </xf>
    <xf numFmtId="3" fontId="3" fillId="0" borderId="33" xfId="0" applyNumberFormat="1" applyFont="1" applyBorder="1" applyAlignment="1">
      <alignment horizontal="right" vertical="center" shrinkToFit="1"/>
    </xf>
    <xf numFmtId="3" fontId="3" fillId="0" borderId="10" xfId="0" applyNumberFormat="1" applyFont="1" applyBorder="1" applyAlignment="1">
      <alignment horizontal="right" vertical="center" shrinkToFit="1"/>
    </xf>
    <xf numFmtId="3" fontId="3" fillId="0" borderId="11" xfId="0" applyNumberFormat="1" applyFont="1" applyBorder="1" applyAlignment="1">
      <alignment horizontal="right" vertical="center" shrinkToFit="1"/>
    </xf>
    <xf numFmtId="3" fontId="3" fillId="0" borderId="12" xfId="0" applyNumberFormat="1" applyFont="1" applyBorder="1" applyAlignment="1">
      <alignment horizontal="right" vertical="center" shrinkToFit="1"/>
    </xf>
    <xf numFmtId="3" fontId="3" fillId="0" borderId="10" xfId="0" applyNumberFormat="1" applyFont="1" applyFill="1" applyBorder="1" applyAlignment="1">
      <alignment horizontal="right" vertical="center" shrinkToFit="1"/>
    </xf>
    <xf numFmtId="3" fontId="3" fillId="0" borderId="19" xfId="0" applyNumberFormat="1" applyFont="1" applyBorder="1" applyAlignment="1">
      <alignment horizontal="right" vertical="center" shrinkToFit="1"/>
    </xf>
    <xf numFmtId="3" fontId="3" fillId="0" borderId="34" xfId="0" applyNumberFormat="1" applyFont="1" applyBorder="1" applyAlignment="1">
      <alignment horizontal="right" vertical="center" shrinkToFit="1"/>
    </xf>
    <xf numFmtId="3" fontId="3" fillId="0" borderId="35" xfId="0" applyNumberFormat="1" applyFont="1" applyBorder="1" applyAlignment="1">
      <alignment horizontal="right" vertical="center" shrinkToFit="1"/>
    </xf>
    <xf numFmtId="3" fontId="3" fillId="0" borderId="36" xfId="0" applyNumberFormat="1" applyFont="1" applyBorder="1" applyAlignment="1">
      <alignment horizontal="right" vertical="center" shrinkToFit="1"/>
    </xf>
    <xf numFmtId="3" fontId="3" fillId="0" borderId="37" xfId="0" applyNumberFormat="1" applyFont="1" applyBorder="1" applyAlignment="1">
      <alignment horizontal="right" vertical="center" shrinkToFit="1"/>
    </xf>
    <xf numFmtId="56" fontId="0" fillId="0" borderId="38" xfId="0" applyNumberFormat="1" applyBorder="1" applyAlignment="1">
      <alignment horizontal="right" vertical="center" shrinkToFit="1"/>
    </xf>
    <xf numFmtId="0" fontId="3" fillId="0" borderId="39" xfId="0" applyFont="1" applyFill="1" applyBorder="1" applyAlignment="1">
      <alignment horizontal="right" vertical="center" shrinkToFit="1"/>
    </xf>
    <xf numFmtId="0" fontId="3" fillId="0" borderId="42" xfId="0" applyFont="1" applyBorder="1" applyAlignment="1">
      <alignment horizontal="center" vertical="center" wrapText="1"/>
    </xf>
    <xf numFmtId="0" fontId="3" fillId="0" borderId="43" xfId="0" applyFont="1" applyBorder="1" applyAlignment="1">
      <alignment horizontal="center" vertical="center" wrapText="1"/>
    </xf>
    <xf numFmtId="0" fontId="3" fillId="0" borderId="44" xfId="0" applyFont="1" applyBorder="1" applyAlignment="1">
      <alignment horizontal="center" vertical="center" wrapText="1"/>
    </xf>
    <xf numFmtId="38" fontId="3" fillId="0" borderId="58" xfId="1" applyFont="1" applyBorder="1" applyAlignment="1">
      <alignment horizontal="right" vertical="center"/>
    </xf>
    <xf numFmtId="38" fontId="3" fillId="0" borderId="59" xfId="1" applyFont="1" applyBorder="1" applyAlignment="1">
      <alignment horizontal="right" vertical="center"/>
    </xf>
    <xf numFmtId="0" fontId="3" fillId="0" borderId="63" xfId="0" applyFont="1" applyBorder="1" applyAlignment="1">
      <alignment horizontal="center" vertical="center" wrapText="1"/>
    </xf>
    <xf numFmtId="0" fontId="3" fillId="0" borderId="65" xfId="0" applyFont="1" applyBorder="1" applyAlignment="1">
      <alignment horizontal="center" vertical="center" wrapText="1"/>
    </xf>
    <xf numFmtId="0" fontId="2" fillId="0" borderId="49" xfId="0" applyFont="1" applyBorder="1" applyAlignment="1">
      <alignment horizontal="center" vertical="center" wrapText="1"/>
    </xf>
    <xf numFmtId="0" fontId="2" fillId="0" borderId="48" xfId="0" applyFont="1" applyBorder="1" applyAlignment="1">
      <alignment horizontal="center" vertical="center" wrapText="1"/>
    </xf>
    <xf numFmtId="0" fontId="4" fillId="0" borderId="15" xfId="0" applyFont="1" applyBorder="1" applyAlignment="1">
      <alignment horizontal="left" vertical="center" shrinkToFit="1"/>
    </xf>
    <xf numFmtId="0" fontId="4" fillId="0" borderId="14" xfId="0" applyFont="1" applyBorder="1" applyAlignment="1">
      <alignment horizontal="left" vertical="center" shrinkToFit="1"/>
    </xf>
    <xf numFmtId="0" fontId="4" fillId="0" borderId="13" xfId="0" applyFont="1" applyBorder="1" applyAlignment="1">
      <alignment horizontal="left" vertical="center" shrinkToFit="1"/>
    </xf>
    <xf numFmtId="0" fontId="5" fillId="0" borderId="24" xfId="0" applyFont="1" applyBorder="1" applyAlignment="1">
      <alignment horizontal="center" vertical="center" textRotation="255"/>
    </xf>
    <xf numFmtId="0" fontId="5" fillId="0" borderId="16" xfId="0" applyFont="1" applyBorder="1" applyAlignment="1">
      <alignment horizontal="center" vertical="center" textRotation="255"/>
    </xf>
    <xf numFmtId="0" fontId="5" fillId="0" borderId="8" xfId="0" applyFont="1" applyBorder="1" applyAlignment="1">
      <alignment horizontal="center" vertical="center" textRotation="255"/>
    </xf>
    <xf numFmtId="0" fontId="4" fillId="0" borderId="23" xfId="0" applyFont="1" applyBorder="1" applyAlignment="1">
      <alignment horizontal="left" vertical="center" shrinkToFit="1"/>
    </xf>
    <xf numFmtId="0" fontId="4" fillId="0" borderId="22" xfId="0" applyFont="1" applyBorder="1" applyAlignment="1">
      <alignment horizontal="left" vertical="center" shrinkToFit="1"/>
    </xf>
    <xf numFmtId="0" fontId="4" fillId="0" borderId="21" xfId="0" applyFont="1" applyBorder="1" applyAlignment="1">
      <alignment horizontal="left" vertical="center" shrinkToFit="1"/>
    </xf>
    <xf numFmtId="0" fontId="4" fillId="0" borderId="7" xfId="0" applyFont="1" applyBorder="1" applyAlignment="1">
      <alignment horizontal="left" vertical="center" shrinkToFit="1"/>
    </xf>
    <xf numFmtId="0" fontId="4" fillId="0" borderId="6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left" vertical="center" shrinkToFit="1"/>
    </xf>
    <xf numFmtId="0" fontId="3" fillId="0" borderId="32" xfId="0" applyFont="1" applyFill="1" applyBorder="1" applyAlignment="1">
      <alignment horizontal="center" vertical="center" shrinkToFit="1"/>
    </xf>
    <xf numFmtId="0" fontId="3" fillId="0" borderId="13" xfId="0" applyFont="1" applyFill="1" applyBorder="1" applyAlignment="1">
      <alignment horizontal="center" vertical="center" shrinkToFit="1"/>
    </xf>
    <xf numFmtId="0" fontId="3" fillId="0" borderId="31" xfId="0" applyFont="1" applyFill="1" applyBorder="1" applyAlignment="1">
      <alignment horizontal="center" vertical="center" shrinkToFit="1"/>
    </xf>
    <xf numFmtId="0" fontId="3" fillId="0" borderId="30" xfId="0" applyFont="1" applyFill="1" applyBorder="1" applyAlignment="1">
      <alignment horizontal="center" vertical="center" shrinkToFit="1"/>
    </xf>
    <xf numFmtId="0" fontId="0" fillId="0" borderId="50" xfId="0" applyBorder="1" applyAlignment="1">
      <alignment horizontal="center" vertical="center"/>
    </xf>
    <xf numFmtId="0" fontId="0" fillId="0" borderId="49" xfId="0" applyBorder="1" applyAlignment="1">
      <alignment horizontal="center" vertical="center"/>
    </xf>
    <xf numFmtId="0" fontId="0" fillId="0" borderId="48" xfId="0" applyBorder="1" applyAlignment="1">
      <alignment horizontal="center" vertical="center"/>
    </xf>
    <xf numFmtId="0" fontId="0" fillId="0" borderId="51" xfId="0" applyBorder="1" applyAlignment="1">
      <alignment horizontal="center" vertical="center" wrapText="1"/>
    </xf>
    <xf numFmtId="0" fontId="0" fillId="0" borderId="45" xfId="0" applyBorder="1" applyAlignment="1">
      <alignment horizontal="center" vertical="center"/>
    </xf>
    <xf numFmtId="0" fontId="3" fillId="0" borderId="41" xfId="0" applyFont="1" applyFill="1" applyBorder="1" applyAlignment="1">
      <alignment horizontal="center" vertical="center" shrinkToFit="1"/>
    </xf>
    <xf numFmtId="0" fontId="3" fillId="0" borderId="40" xfId="0" applyFont="1" applyFill="1" applyBorder="1" applyAlignment="1">
      <alignment horizontal="center" vertical="center" shrinkToFit="1"/>
    </xf>
    <xf numFmtId="0" fontId="0" fillId="0" borderId="53" xfId="0" applyBorder="1" applyAlignment="1">
      <alignment horizontal="center" vertical="center"/>
    </xf>
    <xf numFmtId="0" fontId="0" fillId="0" borderId="51" xfId="0" applyBorder="1" applyAlignment="1">
      <alignment horizontal="center" vertical="center"/>
    </xf>
    <xf numFmtId="0" fontId="0" fillId="0" borderId="47" xfId="0" applyBorder="1" applyAlignment="1">
      <alignment horizontal="center" vertical="center"/>
    </xf>
    <xf numFmtId="0" fontId="0" fillId="0" borderId="52" xfId="0" applyBorder="1" applyAlignment="1">
      <alignment horizontal="center" vertical="center"/>
    </xf>
    <xf numFmtId="0" fontId="0" fillId="0" borderId="46" xfId="0" applyBorder="1" applyAlignment="1">
      <alignment horizontal="center" vertical="center"/>
    </xf>
    <xf numFmtId="0" fontId="5" fillId="0" borderId="54" xfId="0" applyFont="1" applyBorder="1" applyAlignment="1">
      <alignment horizontal="center" vertical="center" textRotation="255"/>
    </xf>
    <xf numFmtId="0" fontId="4" fillId="0" borderId="55" xfId="0" applyFont="1" applyBorder="1" applyAlignment="1">
      <alignment horizontal="left" vertical="center" shrinkToFit="1"/>
    </xf>
    <xf numFmtId="0" fontId="4" fillId="0" borderId="56" xfId="0" applyFont="1" applyBorder="1" applyAlignment="1">
      <alignment horizontal="left" vertical="center" shrinkToFit="1"/>
    </xf>
    <xf numFmtId="0" fontId="4" fillId="0" borderId="57" xfId="0" applyFont="1" applyBorder="1" applyAlignment="1">
      <alignment horizontal="left" vertical="center" shrinkToFit="1"/>
    </xf>
    <xf numFmtId="0" fontId="0" fillId="0" borderId="61" xfId="0" applyBorder="1" applyAlignment="1">
      <alignment horizontal="center" vertical="center"/>
    </xf>
    <xf numFmtId="0" fontId="0" fillId="0" borderId="62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4" xfId="0" applyBorder="1" applyAlignment="1">
      <alignment horizontal="center" vertical="center"/>
    </xf>
    <xf numFmtId="38" fontId="3" fillId="0" borderId="66" xfId="1" applyFont="1" applyBorder="1" applyAlignment="1">
      <alignment horizontal="right" vertical="center"/>
    </xf>
    <xf numFmtId="38" fontId="3" fillId="0" borderId="60" xfId="1" applyFont="1" applyBorder="1" applyAlignment="1">
      <alignment horizontal="right" vertical="center"/>
    </xf>
    <xf numFmtId="38" fontId="3" fillId="0" borderId="9" xfId="1" applyFont="1" applyBorder="1" applyAlignment="1">
      <alignment horizontal="right" vertical="center"/>
    </xf>
    <xf numFmtId="38" fontId="3" fillId="0" borderId="67" xfId="1" applyFont="1" applyBorder="1" applyAlignment="1">
      <alignment horizontal="right" vertical="center"/>
    </xf>
    <xf numFmtId="38" fontId="3" fillId="0" borderId="68" xfId="1" applyFont="1" applyBorder="1" applyAlignment="1">
      <alignment horizontal="right" vertical="center"/>
    </xf>
    <xf numFmtId="38" fontId="3" fillId="0" borderId="1" xfId="1" applyFont="1" applyBorder="1" applyAlignment="1">
      <alignment horizontal="right" vertical="center"/>
    </xf>
    <xf numFmtId="38" fontId="3" fillId="0" borderId="69" xfId="1" applyFont="1" applyBorder="1" applyAlignment="1">
      <alignment horizontal="right" vertical="center"/>
    </xf>
    <xf numFmtId="38" fontId="3" fillId="0" borderId="70" xfId="1" applyFont="1" applyBorder="1" applyAlignment="1">
      <alignment horizontal="right" vertical="center"/>
    </xf>
    <xf numFmtId="38" fontId="3" fillId="0" borderId="71" xfId="1" applyFont="1" applyBorder="1" applyAlignment="1">
      <alignment horizontal="right" vertical="center"/>
    </xf>
    <xf numFmtId="38" fontId="3" fillId="0" borderId="72" xfId="1" applyFont="1" applyBorder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F57969-869E-43F5-AB45-46DCCB503EBF}">
  <dimension ref="A1:R56"/>
  <sheetViews>
    <sheetView tabSelected="1" view="pageBreakPreview" topLeftCell="A47" zoomScale="160" zoomScaleNormal="100" zoomScaleSheetLayoutView="160" workbookViewId="0">
      <selection activeCell="S54" sqref="S54"/>
    </sheetView>
  </sheetViews>
  <sheetFormatPr defaultRowHeight="13.2" x14ac:dyDescent="0.2"/>
  <cols>
    <col min="1" max="1" width="4.6640625" customWidth="1"/>
    <col min="2" max="2" width="4.21875" customWidth="1"/>
    <col min="3" max="3" width="8.6640625" customWidth="1"/>
    <col min="4" max="4" width="6.21875" customWidth="1"/>
    <col min="5" max="5" width="4.33203125" customWidth="1"/>
    <col min="6" max="6" width="7.44140625" customWidth="1"/>
    <col min="7" max="7" width="4.33203125" customWidth="1"/>
    <col min="8" max="8" width="6.21875" customWidth="1"/>
    <col min="9" max="9" width="4.109375" customWidth="1"/>
    <col min="10" max="10" width="6.21875" customWidth="1"/>
    <col min="11" max="11" width="4.109375" customWidth="1"/>
    <col min="12" max="12" width="6.21875" customWidth="1"/>
    <col min="13" max="13" width="4.109375" customWidth="1"/>
    <col min="14" max="14" width="6.21875" customWidth="1"/>
    <col min="15" max="15" width="4.109375" customWidth="1"/>
    <col min="16" max="16" width="6.21875" customWidth="1"/>
    <col min="17" max="17" width="4.109375" customWidth="1"/>
    <col min="18" max="18" width="8.109375" customWidth="1"/>
  </cols>
  <sheetData>
    <row r="1" spans="1:16" ht="13.5" customHeight="1" x14ac:dyDescent="0.2">
      <c r="A1" s="74" t="s">
        <v>62</v>
      </c>
      <c r="B1" s="75"/>
      <c r="C1" s="77" t="s">
        <v>61</v>
      </c>
      <c r="D1" s="70" t="s">
        <v>60</v>
      </c>
      <c r="E1" s="68" t="s">
        <v>59</v>
      </c>
      <c r="F1" s="68"/>
      <c r="G1" s="68" t="s">
        <v>58</v>
      </c>
      <c r="H1" s="68"/>
      <c r="I1" s="68" t="s">
        <v>57</v>
      </c>
      <c r="J1" s="68"/>
      <c r="K1" s="67" t="s">
        <v>56</v>
      </c>
      <c r="L1" s="68"/>
      <c r="M1" s="68" t="s">
        <v>55</v>
      </c>
      <c r="N1" s="68"/>
      <c r="O1" s="68" t="s">
        <v>54</v>
      </c>
      <c r="P1" s="69"/>
    </row>
    <row r="2" spans="1:16" ht="34.5" customHeight="1" x14ac:dyDescent="0.2">
      <c r="A2" s="76"/>
      <c r="B2" s="71"/>
      <c r="C2" s="78"/>
      <c r="D2" s="71"/>
      <c r="E2" s="43" t="s">
        <v>53</v>
      </c>
      <c r="F2" s="44" t="s">
        <v>52</v>
      </c>
      <c r="G2" s="43" t="s">
        <v>53</v>
      </c>
      <c r="H2" s="44" t="s">
        <v>52</v>
      </c>
      <c r="I2" s="43" t="s">
        <v>53</v>
      </c>
      <c r="J2" s="44" t="s">
        <v>52</v>
      </c>
      <c r="K2" s="43" t="s">
        <v>53</v>
      </c>
      <c r="L2" s="44" t="s">
        <v>52</v>
      </c>
      <c r="M2" s="43" t="s">
        <v>53</v>
      </c>
      <c r="N2" s="44" t="s">
        <v>52</v>
      </c>
      <c r="O2" s="43" t="s">
        <v>53</v>
      </c>
      <c r="P2" s="42" t="s">
        <v>52</v>
      </c>
    </row>
    <row r="3" spans="1:16" ht="18" customHeight="1" x14ac:dyDescent="0.2">
      <c r="A3" s="72" t="s">
        <v>51</v>
      </c>
      <c r="B3" s="73"/>
      <c r="C3" s="41" t="s">
        <v>50</v>
      </c>
      <c r="D3" s="40">
        <v>42248</v>
      </c>
      <c r="E3" s="39">
        <v>324</v>
      </c>
      <c r="F3" s="38">
        <v>2096</v>
      </c>
      <c r="G3" s="39">
        <v>237</v>
      </c>
      <c r="H3" s="38">
        <v>469</v>
      </c>
      <c r="I3" s="37">
        <v>42</v>
      </c>
      <c r="J3" s="38">
        <v>274</v>
      </c>
      <c r="K3" s="37">
        <v>21</v>
      </c>
      <c r="L3" s="38">
        <v>289</v>
      </c>
      <c r="M3" s="37">
        <v>9</v>
      </c>
      <c r="N3" s="38">
        <v>209</v>
      </c>
      <c r="O3" s="37">
        <v>15</v>
      </c>
      <c r="P3" s="36">
        <v>855</v>
      </c>
    </row>
    <row r="4" spans="1:16" ht="18" customHeight="1" x14ac:dyDescent="0.2">
      <c r="A4" s="63" t="s">
        <v>49</v>
      </c>
      <c r="B4" s="64"/>
      <c r="C4" s="28" t="s">
        <v>48</v>
      </c>
      <c r="D4" s="27">
        <v>42139</v>
      </c>
      <c r="E4" s="33">
        <v>394</v>
      </c>
      <c r="F4" s="32">
        <v>2386</v>
      </c>
      <c r="G4" s="31">
        <v>280</v>
      </c>
      <c r="H4" s="32">
        <v>580</v>
      </c>
      <c r="I4" s="31">
        <v>54</v>
      </c>
      <c r="J4" s="32">
        <v>351</v>
      </c>
      <c r="K4" s="31">
        <v>34</v>
      </c>
      <c r="L4" s="32">
        <v>480</v>
      </c>
      <c r="M4" s="31">
        <v>15</v>
      </c>
      <c r="N4" s="32">
        <v>332</v>
      </c>
      <c r="O4" s="31">
        <v>11</v>
      </c>
      <c r="P4" s="30">
        <v>643</v>
      </c>
    </row>
    <row r="5" spans="1:16" ht="18" customHeight="1" x14ac:dyDescent="0.2">
      <c r="A5" s="63" t="s">
        <v>47</v>
      </c>
      <c r="B5" s="64"/>
      <c r="C5" s="28" t="s">
        <v>46</v>
      </c>
      <c r="D5" s="27">
        <v>42170</v>
      </c>
      <c r="E5" s="33">
        <v>510</v>
      </c>
      <c r="F5" s="32">
        <v>3082</v>
      </c>
      <c r="G5" s="31">
        <v>346</v>
      </c>
      <c r="H5" s="32">
        <v>758</v>
      </c>
      <c r="I5" s="31">
        <v>90</v>
      </c>
      <c r="J5" s="32">
        <v>578</v>
      </c>
      <c r="K5" s="31">
        <v>41</v>
      </c>
      <c r="L5" s="32">
        <v>543</v>
      </c>
      <c r="M5" s="31">
        <v>19</v>
      </c>
      <c r="N5" s="32">
        <v>438</v>
      </c>
      <c r="O5" s="31">
        <v>14</v>
      </c>
      <c r="P5" s="30">
        <v>765</v>
      </c>
    </row>
    <row r="6" spans="1:16" ht="18" customHeight="1" x14ac:dyDescent="0.2">
      <c r="A6" s="63" t="s">
        <v>45</v>
      </c>
      <c r="B6" s="64"/>
      <c r="C6" s="28" t="s">
        <v>44</v>
      </c>
      <c r="D6" s="27">
        <v>42186</v>
      </c>
      <c r="E6" s="33">
        <v>785</v>
      </c>
      <c r="F6" s="32">
        <v>5547</v>
      </c>
      <c r="G6" s="31">
        <v>504</v>
      </c>
      <c r="H6" s="32">
        <v>1122</v>
      </c>
      <c r="I6" s="31">
        <v>149</v>
      </c>
      <c r="J6" s="32">
        <v>973</v>
      </c>
      <c r="K6" s="31">
        <v>79</v>
      </c>
      <c r="L6" s="32">
        <v>1059</v>
      </c>
      <c r="M6" s="31">
        <v>22</v>
      </c>
      <c r="N6" s="32">
        <v>523</v>
      </c>
      <c r="O6" s="31">
        <v>31</v>
      </c>
      <c r="P6" s="30">
        <v>1870</v>
      </c>
    </row>
    <row r="7" spans="1:16" ht="18" customHeight="1" x14ac:dyDescent="0.2">
      <c r="A7" s="63" t="s">
        <v>43</v>
      </c>
      <c r="B7" s="64"/>
      <c r="C7" s="28" t="s">
        <v>42</v>
      </c>
      <c r="D7" s="27">
        <v>42186</v>
      </c>
      <c r="E7" s="33">
        <v>1231</v>
      </c>
      <c r="F7" s="32">
        <v>9014</v>
      </c>
      <c r="G7" s="31">
        <v>769</v>
      </c>
      <c r="H7" s="32">
        <v>1657</v>
      </c>
      <c r="I7" s="31">
        <v>234</v>
      </c>
      <c r="J7" s="35">
        <v>1559</v>
      </c>
      <c r="K7" s="34">
        <v>130</v>
      </c>
      <c r="L7" s="32">
        <v>1731</v>
      </c>
      <c r="M7" s="31">
        <v>43</v>
      </c>
      <c r="N7" s="32">
        <v>1015</v>
      </c>
      <c r="O7" s="31">
        <v>55</v>
      </c>
      <c r="P7" s="30">
        <v>3052</v>
      </c>
    </row>
    <row r="8" spans="1:16" ht="18" customHeight="1" x14ac:dyDescent="0.2">
      <c r="A8" s="63" t="s">
        <v>41</v>
      </c>
      <c r="B8" s="64"/>
      <c r="C8" s="28" t="s">
        <v>40</v>
      </c>
      <c r="D8" s="27">
        <v>42186</v>
      </c>
      <c r="E8" s="33">
        <v>1596</v>
      </c>
      <c r="F8" s="32">
        <v>15920</v>
      </c>
      <c r="G8" s="31">
        <v>864</v>
      </c>
      <c r="H8" s="32">
        <v>1878</v>
      </c>
      <c r="I8" s="31">
        <v>316</v>
      </c>
      <c r="J8" s="32">
        <v>2048</v>
      </c>
      <c r="K8" s="31">
        <v>221</v>
      </c>
      <c r="L8" s="32">
        <v>3009</v>
      </c>
      <c r="M8" s="31">
        <v>72</v>
      </c>
      <c r="N8" s="32">
        <v>1712</v>
      </c>
      <c r="O8" s="31">
        <v>123</v>
      </c>
      <c r="P8" s="30">
        <v>7273</v>
      </c>
    </row>
    <row r="9" spans="1:16" ht="18" customHeight="1" x14ac:dyDescent="0.2">
      <c r="A9" s="63" t="s">
        <v>39</v>
      </c>
      <c r="B9" s="64"/>
      <c r="C9" s="28" t="s">
        <v>38</v>
      </c>
      <c r="D9" s="27">
        <v>42675</v>
      </c>
      <c r="E9" s="33">
        <v>1655</v>
      </c>
      <c r="F9" s="32">
        <v>18606</v>
      </c>
      <c r="G9" s="31">
        <v>843</v>
      </c>
      <c r="H9" s="32">
        <v>1806</v>
      </c>
      <c r="I9" s="31">
        <v>358</v>
      </c>
      <c r="J9" s="32">
        <v>2363</v>
      </c>
      <c r="K9" s="31">
        <v>233</v>
      </c>
      <c r="L9" s="32">
        <v>3157</v>
      </c>
      <c r="M9" s="31">
        <v>83</v>
      </c>
      <c r="N9" s="32">
        <v>1992</v>
      </c>
      <c r="O9" s="31">
        <v>138</v>
      </c>
      <c r="P9" s="30">
        <v>9288</v>
      </c>
    </row>
    <row r="10" spans="1:16" ht="18" customHeight="1" x14ac:dyDescent="0.2">
      <c r="A10" s="63" t="s">
        <v>37</v>
      </c>
      <c r="B10" s="64"/>
      <c r="C10" s="28" t="s">
        <v>36</v>
      </c>
      <c r="D10" s="27">
        <v>42278</v>
      </c>
      <c r="E10" s="33">
        <v>1667</v>
      </c>
      <c r="F10" s="32">
        <v>19981</v>
      </c>
      <c r="G10" s="31">
        <v>824</v>
      </c>
      <c r="H10" s="32">
        <v>1857</v>
      </c>
      <c r="I10" s="31">
        <v>354</v>
      </c>
      <c r="J10" s="32">
        <v>2333</v>
      </c>
      <c r="K10" s="31">
        <v>231</v>
      </c>
      <c r="L10" s="32">
        <v>3098</v>
      </c>
      <c r="M10" s="31">
        <v>90</v>
      </c>
      <c r="N10" s="32">
        <v>2160</v>
      </c>
      <c r="O10" s="31">
        <v>168</v>
      </c>
      <c r="P10" s="30">
        <v>10533</v>
      </c>
    </row>
    <row r="11" spans="1:16" ht="18" customHeight="1" x14ac:dyDescent="0.2">
      <c r="A11" s="63" t="s">
        <v>35</v>
      </c>
      <c r="B11" s="64"/>
      <c r="C11" s="28" t="s">
        <v>34</v>
      </c>
      <c r="D11" s="27">
        <v>42186</v>
      </c>
      <c r="E11" s="29">
        <v>1669</v>
      </c>
      <c r="F11" s="26">
        <v>20127</v>
      </c>
      <c r="G11" s="25">
        <v>839</v>
      </c>
      <c r="H11" s="26">
        <v>1781</v>
      </c>
      <c r="I11" s="25">
        <v>325</v>
      </c>
      <c r="J11" s="26">
        <v>2165</v>
      </c>
      <c r="K11" s="25">
        <v>242</v>
      </c>
      <c r="L11" s="26">
        <v>3293</v>
      </c>
      <c r="M11" s="25">
        <v>96</v>
      </c>
      <c r="N11" s="26">
        <v>2321</v>
      </c>
      <c r="O11" s="25">
        <v>167</v>
      </c>
      <c r="P11" s="24">
        <v>10567</v>
      </c>
    </row>
    <row r="12" spans="1:16" ht="18" customHeight="1" x14ac:dyDescent="0.2">
      <c r="A12" s="63" t="s">
        <v>33</v>
      </c>
      <c r="B12" s="64"/>
      <c r="C12" s="28" t="s">
        <v>32</v>
      </c>
      <c r="D12" s="27">
        <v>42278</v>
      </c>
      <c r="E12" s="29">
        <v>1744</v>
      </c>
      <c r="F12" s="26">
        <v>21669</v>
      </c>
      <c r="G12" s="25">
        <v>859</v>
      </c>
      <c r="H12" s="26">
        <v>1933</v>
      </c>
      <c r="I12" s="25">
        <v>346</v>
      </c>
      <c r="J12" s="26">
        <v>2313</v>
      </c>
      <c r="K12" s="25">
        <v>275</v>
      </c>
      <c r="L12" s="26">
        <v>3773</v>
      </c>
      <c r="M12" s="25">
        <v>90</v>
      </c>
      <c r="N12" s="26">
        <v>2186</v>
      </c>
      <c r="O12" s="25">
        <v>171</v>
      </c>
      <c r="P12" s="24">
        <v>11464</v>
      </c>
    </row>
    <row r="13" spans="1:16" ht="18" customHeight="1" x14ac:dyDescent="0.2">
      <c r="A13" s="63" t="s">
        <v>31</v>
      </c>
      <c r="B13" s="64"/>
      <c r="C13" s="28" t="s">
        <v>30</v>
      </c>
      <c r="D13" s="27">
        <v>42156</v>
      </c>
      <c r="E13" s="29">
        <v>1700</v>
      </c>
      <c r="F13" s="26">
        <v>21151</v>
      </c>
      <c r="G13" s="25">
        <v>821</v>
      </c>
      <c r="H13" s="26">
        <v>1802</v>
      </c>
      <c r="I13" s="25">
        <v>354</v>
      </c>
      <c r="J13" s="26">
        <v>2329</v>
      </c>
      <c r="K13" s="25">
        <v>273</v>
      </c>
      <c r="L13" s="26">
        <v>3749</v>
      </c>
      <c r="M13" s="25">
        <v>91</v>
      </c>
      <c r="N13" s="26">
        <v>2162</v>
      </c>
      <c r="O13" s="25">
        <v>160</v>
      </c>
      <c r="P13" s="24">
        <v>11109</v>
      </c>
    </row>
    <row r="14" spans="1:16" ht="18" customHeight="1" x14ac:dyDescent="0.2">
      <c r="A14" s="63" t="s">
        <v>29</v>
      </c>
      <c r="B14" s="64"/>
      <c r="C14" s="28" t="s">
        <v>28</v>
      </c>
      <c r="D14" s="27">
        <v>42278</v>
      </c>
      <c r="E14" s="25">
        <v>1955</v>
      </c>
      <c r="F14" s="26">
        <v>23865</v>
      </c>
      <c r="G14" s="25">
        <v>992</v>
      </c>
      <c r="H14" s="26">
        <v>2135</v>
      </c>
      <c r="I14" s="25">
        <v>375</v>
      </c>
      <c r="J14" s="26">
        <v>2483</v>
      </c>
      <c r="K14" s="25">
        <v>295</v>
      </c>
      <c r="L14" s="26">
        <v>4056</v>
      </c>
      <c r="M14" s="25">
        <v>116</v>
      </c>
      <c r="N14" s="26">
        <v>2756</v>
      </c>
      <c r="O14" s="25">
        <v>175</v>
      </c>
      <c r="P14" s="24">
        <v>12435</v>
      </c>
    </row>
    <row r="15" spans="1:16" ht="18" customHeight="1" x14ac:dyDescent="0.2">
      <c r="A15" s="63" t="s">
        <v>27</v>
      </c>
      <c r="B15" s="64"/>
      <c r="C15" s="28" t="s">
        <v>26</v>
      </c>
      <c r="D15" s="27">
        <v>42186</v>
      </c>
      <c r="E15" s="25">
        <v>2342</v>
      </c>
      <c r="F15" s="26">
        <v>26579</v>
      </c>
      <c r="G15" s="25">
        <v>1234</v>
      </c>
      <c r="H15" s="26">
        <v>2712</v>
      </c>
      <c r="I15" s="25">
        <v>471</v>
      </c>
      <c r="J15" s="26">
        <v>3122</v>
      </c>
      <c r="K15" s="25">
        <v>315</v>
      </c>
      <c r="L15" s="26">
        <v>4315</v>
      </c>
      <c r="M15" s="25">
        <v>131</v>
      </c>
      <c r="N15" s="26">
        <v>3124</v>
      </c>
      <c r="O15" s="25">
        <v>186</v>
      </c>
      <c r="P15" s="24">
        <v>13306</v>
      </c>
    </row>
    <row r="16" spans="1:16" ht="18" customHeight="1" x14ac:dyDescent="0.2">
      <c r="A16" s="63" t="s">
        <v>25</v>
      </c>
      <c r="B16" s="64"/>
      <c r="C16" s="28" t="s">
        <v>24</v>
      </c>
      <c r="D16" s="27">
        <v>42036</v>
      </c>
      <c r="E16" s="25">
        <v>2113</v>
      </c>
      <c r="F16" s="26">
        <v>25336</v>
      </c>
      <c r="G16" s="25">
        <v>1094</v>
      </c>
      <c r="H16" s="26">
        <v>2344</v>
      </c>
      <c r="I16" s="25">
        <v>420</v>
      </c>
      <c r="J16" s="26">
        <v>2774</v>
      </c>
      <c r="K16" s="25">
        <v>310</v>
      </c>
      <c r="L16" s="26">
        <v>4234</v>
      </c>
      <c r="M16" s="25">
        <v>116</v>
      </c>
      <c r="N16" s="26">
        <v>2785</v>
      </c>
      <c r="O16" s="25">
        <v>169</v>
      </c>
      <c r="P16" s="24">
        <v>13199</v>
      </c>
    </row>
    <row r="17" spans="1:16" ht="18" customHeight="1" x14ac:dyDescent="0.2">
      <c r="A17" s="63" t="s">
        <v>23</v>
      </c>
      <c r="B17" s="64"/>
      <c r="C17" s="28" t="s">
        <v>22</v>
      </c>
      <c r="D17" s="27">
        <v>42552</v>
      </c>
      <c r="E17" s="25">
        <v>2223</v>
      </c>
      <c r="F17" s="26">
        <v>26433</v>
      </c>
      <c r="G17" s="25">
        <v>1169</v>
      </c>
      <c r="H17" s="26">
        <v>2472</v>
      </c>
      <c r="I17" s="25">
        <v>413</v>
      </c>
      <c r="J17" s="26">
        <v>2699</v>
      </c>
      <c r="K17" s="25">
        <v>316</v>
      </c>
      <c r="L17" s="26">
        <v>4373</v>
      </c>
      <c r="M17" s="25">
        <v>121</v>
      </c>
      <c r="N17" s="26">
        <v>2851</v>
      </c>
      <c r="O17" s="25">
        <v>190</v>
      </c>
      <c r="P17" s="24">
        <v>14038</v>
      </c>
    </row>
    <row r="18" spans="1:16" ht="18" customHeight="1" x14ac:dyDescent="0.2">
      <c r="A18" s="65" t="s">
        <v>21</v>
      </c>
      <c r="B18" s="66"/>
      <c r="C18" s="23" t="s">
        <v>20</v>
      </c>
      <c r="D18" s="27">
        <v>42036</v>
      </c>
      <c r="E18" s="21">
        <v>2111</v>
      </c>
      <c r="F18" s="22">
        <v>26035</v>
      </c>
      <c r="G18" s="21">
        <v>1075</v>
      </c>
      <c r="H18" s="22">
        <v>2321</v>
      </c>
      <c r="I18" s="21">
        <v>389</v>
      </c>
      <c r="J18" s="22">
        <v>2524</v>
      </c>
      <c r="K18" s="21">
        <v>321</v>
      </c>
      <c r="L18" s="22">
        <v>4436</v>
      </c>
      <c r="M18" s="21">
        <v>128</v>
      </c>
      <c r="N18" s="22">
        <v>3037</v>
      </c>
      <c r="O18" s="21">
        <v>179</v>
      </c>
      <c r="P18" s="20">
        <v>13717</v>
      </c>
    </row>
    <row r="19" spans="1:16" ht="18" customHeight="1" x14ac:dyDescent="0.2">
      <c r="A19" s="54" t="s">
        <v>19</v>
      </c>
      <c r="B19" s="57" t="s">
        <v>18</v>
      </c>
      <c r="C19" s="58"/>
      <c r="D19" s="59"/>
      <c r="E19" s="19">
        <v>13</v>
      </c>
      <c r="F19" s="17">
        <v>148</v>
      </c>
      <c r="G19" s="18">
        <v>6</v>
      </c>
      <c r="H19" s="17">
        <v>13</v>
      </c>
      <c r="I19" s="18">
        <v>1</v>
      </c>
      <c r="J19" s="17">
        <v>5</v>
      </c>
      <c r="K19" s="15">
        <v>3</v>
      </c>
      <c r="L19" s="16">
        <v>38</v>
      </c>
      <c r="M19" s="15">
        <v>1</v>
      </c>
      <c r="N19" s="16">
        <v>20</v>
      </c>
      <c r="O19" s="15">
        <v>2</v>
      </c>
      <c r="P19" s="14">
        <v>72</v>
      </c>
    </row>
    <row r="20" spans="1:16" ht="18" customHeight="1" x14ac:dyDescent="0.2">
      <c r="A20" s="55"/>
      <c r="B20" s="51" t="s">
        <v>17</v>
      </c>
      <c r="C20" s="52"/>
      <c r="D20" s="53"/>
      <c r="E20" s="12">
        <v>4</v>
      </c>
      <c r="F20" s="10">
        <v>30</v>
      </c>
      <c r="G20" s="11">
        <v>2</v>
      </c>
      <c r="H20" s="10">
        <v>4</v>
      </c>
      <c r="I20" s="11" t="s">
        <v>6</v>
      </c>
      <c r="J20" s="10" t="s">
        <v>6</v>
      </c>
      <c r="K20" s="8">
        <v>2</v>
      </c>
      <c r="L20" s="9">
        <v>26</v>
      </c>
      <c r="M20" s="8" t="s">
        <v>6</v>
      </c>
      <c r="N20" s="9" t="s">
        <v>6</v>
      </c>
      <c r="O20" s="8">
        <v>0</v>
      </c>
      <c r="P20" s="7">
        <v>0</v>
      </c>
    </row>
    <row r="21" spans="1:16" ht="18" customHeight="1" x14ac:dyDescent="0.2">
      <c r="A21" s="55"/>
      <c r="B21" s="51" t="s">
        <v>16</v>
      </c>
      <c r="C21" s="52"/>
      <c r="D21" s="53"/>
      <c r="E21" s="12">
        <v>2</v>
      </c>
      <c r="F21" s="10">
        <v>12</v>
      </c>
      <c r="G21" s="11">
        <v>1</v>
      </c>
      <c r="H21" s="10">
        <v>3</v>
      </c>
      <c r="I21" s="11">
        <v>1</v>
      </c>
      <c r="J21" s="10">
        <v>9</v>
      </c>
      <c r="K21" s="8" t="s">
        <v>6</v>
      </c>
      <c r="L21" s="9" t="s">
        <v>6</v>
      </c>
      <c r="M21" s="8" t="s">
        <v>6</v>
      </c>
      <c r="N21" s="9" t="s">
        <v>6</v>
      </c>
      <c r="O21" s="8">
        <v>0</v>
      </c>
      <c r="P21" s="7">
        <v>0</v>
      </c>
    </row>
    <row r="22" spans="1:16" ht="18" customHeight="1" x14ac:dyDescent="0.2">
      <c r="A22" s="55"/>
      <c r="B22" s="51" t="s">
        <v>15</v>
      </c>
      <c r="C22" s="52"/>
      <c r="D22" s="53"/>
      <c r="E22" s="12">
        <v>308</v>
      </c>
      <c r="F22" s="10">
        <v>2043</v>
      </c>
      <c r="G22" s="11">
        <v>169</v>
      </c>
      <c r="H22" s="10">
        <v>396</v>
      </c>
      <c r="I22" s="11">
        <v>75</v>
      </c>
      <c r="J22" s="10">
        <v>473</v>
      </c>
      <c r="K22" s="8">
        <v>51</v>
      </c>
      <c r="L22" s="9">
        <v>705</v>
      </c>
      <c r="M22" s="8">
        <v>7</v>
      </c>
      <c r="N22" s="9">
        <v>178</v>
      </c>
      <c r="O22" s="8">
        <v>6</v>
      </c>
      <c r="P22" s="7">
        <v>291</v>
      </c>
    </row>
    <row r="23" spans="1:16" ht="18" customHeight="1" x14ac:dyDescent="0.2">
      <c r="A23" s="55"/>
      <c r="B23" s="51" t="s">
        <v>14</v>
      </c>
      <c r="C23" s="52"/>
      <c r="D23" s="53"/>
      <c r="E23" s="12">
        <v>207</v>
      </c>
      <c r="F23" s="10">
        <v>4549</v>
      </c>
      <c r="G23" s="11">
        <v>48</v>
      </c>
      <c r="H23" s="10">
        <v>115</v>
      </c>
      <c r="I23" s="11">
        <v>43</v>
      </c>
      <c r="J23" s="10">
        <v>279</v>
      </c>
      <c r="K23" s="8">
        <v>43</v>
      </c>
      <c r="L23" s="9">
        <v>590</v>
      </c>
      <c r="M23" s="8">
        <v>29</v>
      </c>
      <c r="N23" s="9">
        <v>692</v>
      </c>
      <c r="O23" s="8">
        <v>41</v>
      </c>
      <c r="P23" s="13">
        <v>2873</v>
      </c>
    </row>
    <row r="24" spans="1:16" ht="18" customHeight="1" x14ac:dyDescent="0.2">
      <c r="A24" s="55"/>
      <c r="B24" s="51" t="s">
        <v>13</v>
      </c>
      <c r="C24" s="52"/>
      <c r="D24" s="53"/>
      <c r="E24" s="12">
        <v>1</v>
      </c>
      <c r="F24" s="10">
        <v>11</v>
      </c>
      <c r="G24" s="11" t="s">
        <v>6</v>
      </c>
      <c r="H24" s="10" t="s">
        <v>6</v>
      </c>
      <c r="I24" s="8" t="s">
        <v>6</v>
      </c>
      <c r="J24" s="9" t="s">
        <v>6</v>
      </c>
      <c r="K24" s="8">
        <v>1</v>
      </c>
      <c r="L24" s="9">
        <v>11</v>
      </c>
      <c r="M24" s="8" t="s">
        <v>6</v>
      </c>
      <c r="N24" s="9" t="s">
        <v>6</v>
      </c>
      <c r="O24" s="8">
        <v>0</v>
      </c>
      <c r="P24" s="7">
        <v>0</v>
      </c>
    </row>
    <row r="25" spans="1:16" ht="18" customHeight="1" x14ac:dyDescent="0.2">
      <c r="A25" s="55"/>
      <c r="B25" s="51" t="s">
        <v>12</v>
      </c>
      <c r="C25" s="52"/>
      <c r="D25" s="53"/>
      <c r="E25" s="12">
        <v>14</v>
      </c>
      <c r="F25" s="10">
        <v>192</v>
      </c>
      <c r="G25" s="11">
        <v>11</v>
      </c>
      <c r="H25" s="10">
        <v>24</v>
      </c>
      <c r="I25" s="8">
        <v>1</v>
      </c>
      <c r="J25" s="9">
        <v>5</v>
      </c>
      <c r="K25" s="8" t="s">
        <v>6</v>
      </c>
      <c r="L25" s="9" t="s">
        <v>6</v>
      </c>
      <c r="M25" s="8">
        <v>1</v>
      </c>
      <c r="N25" s="9">
        <v>28</v>
      </c>
      <c r="O25" s="8">
        <v>1</v>
      </c>
      <c r="P25" s="7">
        <v>135</v>
      </c>
    </row>
    <row r="26" spans="1:16" ht="18" customHeight="1" x14ac:dyDescent="0.2">
      <c r="A26" s="55"/>
      <c r="B26" s="51" t="s">
        <v>11</v>
      </c>
      <c r="C26" s="52"/>
      <c r="D26" s="53"/>
      <c r="E26" s="12">
        <v>175</v>
      </c>
      <c r="F26" s="10">
        <v>4880</v>
      </c>
      <c r="G26" s="11">
        <v>51</v>
      </c>
      <c r="H26" s="10">
        <v>108</v>
      </c>
      <c r="I26" s="11">
        <v>21</v>
      </c>
      <c r="J26" s="10">
        <v>138</v>
      </c>
      <c r="K26" s="8">
        <v>32</v>
      </c>
      <c r="L26" s="9">
        <v>454</v>
      </c>
      <c r="M26" s="8">
        <v>22</v>
      </c>
      <c r="N26" s="9">
        <v>515</v>
      </c>
      <c r="O26" s="8">
        <v>47</v>
      </c>
      <c r="P26" s="13">
        <v>3665</v>
      </c>
    </row>
    <row r="27" spans="1:16" ht="18" customHeight="1" x14ac:dyDescent="0.2">
      <c r="A27" s="55"/>
      <c r="B27" s="51" t="s">
        <v>10</v>
      </c>
      <c r="C27" s="52"/>
      <c r="D27" s="53"/>
      <c r="E27" s="12">
        <v>474</v>
      </c>
      <c r="F27" s="10">
        <v>5955</v>
      </c>
      <c r="G27" s="11">
        <v>228</v>
      </c>
      <c r="H27" s="10">
        <v>549</v>
      </c>
      <c r="I27" s="11">
        <v>92</v>
      </c>
      <c r="J27" s="10">
        <v>598</v>
      </c>
      <c r="K27" s="8">
        <v>87</v>
      </c>
      <c r="L27" s="9">
        <v>1233</v>
      </c>
      <c r="M27" s="8">
        <v>28</v>
      </c>
      <c r="N27" s="9">
        <v>654</v>
      </c>
      <c r="O27" s="8">
        <v>32</v>
      </c>
      <c r="P27" s="13">
        <v>2921</v>
      </c>
    </row>
    <row r="28" spans="1:16" ht="18" customHeight="1" x14ac:dyDescent="0.2">
      <c r="A28" s="55"/>
      <c r="B28" s="51" t="s">
        <v>9</v>
      </c>
      <c r="C28" s="52"/>
      <c r="D28" s="53"/>
      <c r="E28" s="12">
        <v>28</v>
      </c>
      <c r="F28" s="10">
        <v>163</v>
      </c>
      <c r="G28" s="11">
        <v>19</v>
      </c>
      <c r="H28" s="10">
        <v>38</v>
      </c>
      <c r="I28" s="11">
        <v>2</v>
      </c>
      <c r="J28" s="10">
        <v>15</v>
      </c>
      <c r="K28" s="8">
        <v>3</v>
      </c>
      <c r="L28" s="9">
        <v>40</v>
      </c>
      <c r="M28" s="8">
        <v>3</v>
      </c>
      <c r="N28" s="9">
        <v>70</v>
      </c>
      <c r="O28" s="8">
        <v>0</v>
      </c>
      <c r="P28" s="7">
        <v>0</v>
      </c>
    </row>
    <row r="29" spans="1:16" ht="18" customHeight="1" x14ac:dyDescent="0.2">
      <c r="A29" s="55"/>
      <c r="B29" s="51" t="s">
        <v>8</v>
      </c>
      <c r="C29" s="52"/>
      <c r="D29" s="53"/>
      <c r="E29" s="12">
        <v>53</v>
      </c>
      <c r="F29" s="10">
        <v>443</v>
      </c>
      <c r="G29" s="11">
        <v>30</v>
      </c>
      <c r="H29" s="10">
        <v>67</v>
      </c>
      <c r="I29" s="11">
        <v>7</v>
      </c>
      <c r="J29" s="10">
        <v>51</v>
      </c>
      <c r="K29" s="8">
        <v>10</v>
      </c>
      <c r="L29" s="9">
        <v>135</v>
      </c>
      <c r="M29" s="8">
        <v>4</v>
      </c>
      <c r="N29" s="9">
        <v>96</v>
      </c>
      <c r="O29" s="8">
        <v>1</v>
      </c>
      <c r="P29" s="7">
        <v>94</v>
      </c>
    </row>
    <row r="30" spans="1:16" ht="18" customHeight="1" x14ac:dyDescent="0.2">
      <c r="A30" s="55"/>
      <c r="B30" s="51" t="s">
        <v>7</v>
      </c>
      <c r="C30" s="52"/>
      <c r="D30" s="53"/>
      <c r="E30" s="12">
        <v>54</v>
      </c>
      <c r="F30" s="10">
        <v>367</v>
      </c>
      <c r="G30" s="11">
        <v>42</v>
      </c>
      <c r="H30" s="10">
        <v>85</v>
      </c>
      <c r="I30" s="11">
        <v>5</v>
      </c>
      <c r="J30" s="10">
        <v>32</v>
      </c>
      <c r="K30" s="8">
        <v>3</v>
      </c>
      <c r="L30" s="9">
        <v>40</v>
      </c>
      <c r="M30" s="8" t="s">
        <v>6</v>
      </c>
      <c r="N30" s="9" t="s">
        <v>6</v>
      </c>
      <c r="O30" s="8">
        <v>3</v>
      </c>
      <c r="P30" s="7">
        <v>210</v>
      </c>
    </row>
    <row r="31" spans="1:16" ht="18" customHeight="1" x14ac:dyDescent="0.2">
      <c r="A31" s="55"/>
      <c r="B31" s="51" t="s">
        <v>5</v>
      </c>
      <c r="C31" s="52"/>
      <c r="D31" s="53"/>
      <c r="E31" s="12">
        <v>194</v>
      </c>
      <c r="F31" s="10">
        <v>1027</v>
      </c>
      <c r="G31" s="11">
        <v>131</v>
      </c>
      <c r="H31" s="10">
        <v>265</v>
      </c>
      <c r="I31" s="11">
        <v>38</v>
      </c>
      <c r="J31" s="10">
        <v>245</v>
      </c>
      <c r="K31" s="8">
        <v>16</v>
      </c>
      <c r="L31" s="9">
        <v>213</v>
      </c>
      <c r="M31" s="8">
        <v>5</v>
      </c>
      <c r="N31" s="9">
        <v>119</v>
      </c>
      <c r="O31" s="8">
        <v>4</v>
      </c>
      <c r="P31" s="7">
        <v>185</v>
      </c>
    </row>
    <row r="32" spans="1:16" ht="18" customHeight="1" x14ac:dyDescent="0.2">
      <c r="A32" s="55"/>
      <c r="B32" s="51" t="s">
        <v>4</v>
      </c>
      <c r="C32" s="52"/>
      <c r="D32" s="53"/>
      <c r="E32" s="12">
        <v>164</v>
      </c>
      <c r="F32" s="10">
        <v>1408</v>
      </c>
      <c r="G32" s="11">
        <v>122</v>
      </c>
      <c r="H32" s="10">
        <v>211</v>
      </c>
      <c r="I32" s="11">
        <v>16</v>
      </c>
      <c r="J32" s="10">
        <v>102</v>
      </c>
      <c r="K32" s="8">
        <v>11</v>
      </c>
      <c r="L32" s="9">
        <v>144</v>
      </c>
      <c r="M32" s="8">
        <v>3</v>
      </c>
      <c r="N32" s="9">
        <v>70</v>
      </c>
      <c r="O32" s="8">
        <v>11</v>
      </c>
      <c r="P32" s="7">
        <v>881</v>
      </c>
    </row>
    <row r="33" spans="1:18" ht="18" customHeight="1" x14ac:dyDescent="0.2">
      <c r="A33" s="55"/>
      <c r="B33" s="51" t="s">
        <v>3</v>
      </c>
      <c r="C33" s="52"/>
      <c r="D33" s="53"/>
      <c r="E33" s="12">
        <v>42</v>
      </c>
      <c r="F33" s="10">
        <v>541</v>
      </c>
      <c r="G33" s="11">
        <v>27</v>
      </c>
      <c r="H33" s="10">
        <v>39</v>
      </c>
      <c r="I33" s="11">
        <v>5</v>
      </c>
      <c r="J33" s="10">
        <v>33</v>
      </c>
      <c r="K33" s="8">
        <v>3</v>
      </c>
      <c r="L33" s="9">
        <v>47</v>
      </c>
      <c r="M33" s="8">
        <v>2</v>
      </c>
      <c r="N33" s="9">
        <v>50</v>
      </c>
      <c r="O33" s="8">
        <v>4</v>
      </c>
      <c r="P33" s="7">
        <v>372</v>
      </c>
    </row>
    <row r="34" spans="1:18" ht="18" customHeight="1" x14ac:dyDescent="0.2">
      <c r="A34" s="55"/>
      <c r="B34" s="51" t="s">
        <v>2</v>
      </c>
      <c r="C34" s="52"/>
      <c r="D34" s="53"/>
      <c r="E34" s="12">
        <v>199</v>
      </c>
      <c r="F34" s="10">
        <v>2848</v>
      </c>
      <c r="G34" s="11">
        <v>82</v>
      </c>
      <c r="H34" s="10">
        <v>177</v>
      </c>
      <c r="I34" s="11">
        <v>44</v>
      </c>
      <c r="J34" s="10">
        <v>295</v>
      </c>
      <c r="K34" s="8">
        <v>40</v>
      </c>
      <c r="L34" s="9">
        <v>536</v>
      </c>
      <c r="M34" s="8">
        <v>16</v>
      </c>
      <c r="N34" s="9">
        <v>379</v>
      </c>
      <c r="O34" s="8">
        <v>17</v>
      </c>
      <c r="P34" s="13">
        <v>1461</v>
      </c>
    </row>
    <row r="35" spans="1:18" ht="18" customHeight="1" x14ac:dyDescent="0.2">
      <c r="A35" s="55"/>
      <c r="B35" s="51" t="s">
        <v>1</v>
      </c>
      <c r="C35" s="52"/>
      <c r="D35" s="53"/>
      <c r="E35" s="12">
        <v>24</v>
      </c>
      <c r="F35" s="10">
        <v>284</v>
      </c>
      <c r="G35" s="11">
        <v>9</v>
      </c>
      <c r="H35" s="10">
        <v>22</v>
      </c>
      <c r="I35" s="11">
        <v>11</v>
      </c>
      <c r="J35" s="10">
        <v>60</v>
      </c>
      <c r="K35" s="8">
        <v>1</v>
      </c>
      <c r="L35" s="9">
        <v>19</v>
      </c>
      <c r="M35" s="8">
        <v>2</v>
      </c>
      <c r="N35" s="9">
        <v>40</v>
      </c>
      <c r="O35" s="8">
        <v>1</v>
      </c>
      <c r="P35" s="7">
        <v>143</v>
      </c>
    </row>
    <row r="36" spans="1:18" ht="18" customHeight="1" thickBot="1" x14ac:dyDescent="0.25">
      <c r="A36" s="56"/>
      <c r="B36" s="60" t="s">
        <v>0</v>
      </c>
      <c r="C36" s="61"/>
      <c r="D36" s="62"/>
      <c r="E36" s="6">
        <v>155</v>
      </c>
      <c r="F36" s="4">
        <v>1134</v>
      </c>
      <c r="G36" s="5">
        <v>97</v>
      </c>
      <c r="H36" s="4">
        <v>205</v>
      </c>
      <c r="I36" s="5">
        <v>27</v>
      </c>
      <c r="J36" s="4">
        <v>184</v>
      </c>
      <c r="K36" s="2">
        <v>15</v>
      </c>
      <c r="L36" s="3">
        <v>205</v>
      </c>
      <c r="M36" s="2">
        <v>5</v>
      </c>
      <c r="N36" s="3">
        <v>126</v>
      </c>
      <c r="O36" s="2">
        <v>9</v>
      </c>
      <c r="P36" s="1">
        <v>414</v>
      </c>
    </row>
    <row r="37" spans="1:18" ht="15" customHeight="1" x14ac:dyDescent="0.2">
      <c r="A37" s="74" t="s">
        <v>64</v>
      </c>
      <c r="B37" s="83"/>
      <c r="C37" s="83"/>
      <c r="D37" s="75"/>
      <c r="E37" s="68" t="s">
        <v>59</v>
      </c>
      <c r="F37" s="68"/>
      <c r="G37" s="68" t="s">
        <v>58</v>
      </c>
      <c r="H37" s="68"/>
      <c r="I37" s="68" t="s">
        <v>57</v>
      </c>
      <c r="J37" s="68"/>
      <c r="K37" s="67" t="s">
        <v>56</v>
      </c>
      <c r="L37" s="68"/>
      <c r="M37" s="68" t="s">
        <v>55</v>
      </c>
      <c r="N37" s="68"/>
      <c r="O37" s="68" t="s">
        <v>54</v>
      </c>
      <c r="P37" s="87"/>
      <c r="Q37" s="49" t="s">
        <v>65</v>
      </c>
      <c r="R37" s="50"/>
    </row>
    <row r="38" spans="1:18" ht="34.200000000000003" customHeight="1" thickBot="1" x14ac:dyDescent="0.25">
      <c r="A38" s="84"/>
      <c r="B38" s="85"/>
      <c r="C38" s="85"/>
      <c r="D38" s="86"/>
      <c r="E38" s="43" t="s">
        <v>53</v>
      </c>
      <c r="F38" s="44" t="s">
        <v>52</v>
      </c>
      <c r="G38" s="47" t="s">
        <v>53</v>
      </c>
      <c r="H38" s="44" t="s">
        <v>52</v>
      </c>
      <c r="I38" s="43" t="s">
        <v>53</v>
      </c>
      <c r="J38" s="44" t="s">
        <v>52</v>
      </c>
      <c r="K38" s="43" t="s">
        <v>53</v>
      </c>
      <c r="L38" s="44" t="s">
        <v>52</v>
      </c>
      <c r="M38" s="43" t="s">
        <v>53</v>
      </c>
      <c r="N38" s="44" t="s">
        <v>52</v>
      </c>
      <c r="O38" s="43" t="s">
        <v>53</v>
      </c>
      <c r="P38" s="48" t="s">
        <v>52</v>
      </c>
      <c r="Q38" s="47" t="s">
        <v>53</v>
      </c>
      <c r="R38" s="42" t="s">
        <v>52</v>
      </c>
    </row>
    <row r="39" spans="1:18" ht="18" customHeight="1" x14ac:dyDescent="0.2">
      <c r="A39" s="79" t="s">
        <v>63</v>
      </c>
      <c r="B39" s="80" t="s">
        <v>18</v>
      </c>
      <c r="C39" s="81"/>
      <c r="D39" s="82"/>
      <c r="E39" s="45">
        <f>G39+I39+K39+M39+O39+Q39</f>
        <v>22</v>
      </c>
      <c r="F39" s="46">
        <f>H39+J39+L39+N39+P39+R39</f>
        <v>178</v>
      </c>
      <c r="G39" s="18">
        <v>9</v>
      </c>
      <c r="H39" s="46">
        <v>19</v>
      </c>
      <c r="I39" s="45">
        <v>7</v>
      </c>
      <c r="J39" s="46">
        <v>47</v>
      </c>
      <c r="K39" s="45">
        <v>3</v>
      </c>
      <c r="L39" s="46">
        <v>39</v>
      </c>
      <c r="M39" s="45">
        <v>2</v>
      </c>
      <c r="N39" s="46">
        <v>41</v>
      </c>
      <c r="O39" s="45">
        <v>1</v>
      </c>
      <c r="P39" s="88">
        <v>32</v>
      </c>
      <c r="Q39" s="45">
        <v>0</v>
      </c>
      <c r="R39" s="89">
        <v>0</v>
      </c>
    </row>
    <row r="40" spans="1:18" ht="18" customHeight="1" x14ac:dyDescent="0.2">
      <c r="A40" s="55"/>
      <c r="B40" s="51" t="s">
        <v>17</v>
      </c>
      <c r="C40" s="52"/>
      <c r="D40" s="53"/>
      <c r="E40" s="94">
        <f t="shared" ref="E40:E56" si="0">G40+I40+K40+M40+O40+Q40</f>
        <v>10</v>
      </c>
      <c r="F40" s="10">
        <f t="shared" ref="F40:F56" si="1">H40+J40+L40+N40+P40+R40</f>
        <v>90</v>
      </c>
      <c r="G40" s="11">
        <v>4</v>
      </c>
      <c r="H40" s="10">
        <v>12</v>
      </c>
      <c r="I40" s="11">
        <v>3</v>
      </c>
      <c r="J40" s="10">
        <v>23</v>
      </c>
      <c r="K40" s="11">
        <v>2</v>
      </c>
      <c r="L40" s="10">
        <v>27</v>
      </c>
      <c r="M40" s="11">
        <v>1</v>
      </c>
      <c r="N40" s="10">
        <v>28</v>
      </c>
      <c r="O40" s="11">
        <v>0</v>
      </c>
      <c r="P40" s="10">
        <v>0</v>
      </c>
      <c r="Q40" s="11">
        <v>0</v>
      </c>
      <c r="R40" s="90">
        <v>0</v>
      </c>
    </row>
    <row r="41" spans="1:18" ht="18" customHeight="1" x14ac:dyDescent="0.2">
      <c r="A41" s="55"/>
      <c r="B41" s="51" t="s">
        <v>16</v>
      </c>
      <c r="C41" s="52"/>
      <c r="D41" s="53"/>
      <c r="E41" s="12">
        <f t="shared" si="0"/>
        <v>2</v>
      </c>
      <c r="F41" s="10">
        <f t="shared" si="1"/>
        <v>12</v>
      </c>
      <c r="G41" s="11">
        <v>1</v>
      </c>
      <c r="H41" s="10">
        <v>3</v>
      </c>
      <c r="I41" s="11">
        <v>1</v>
      </c>
      <c r="J41" s="10">
        <v>9</v>
      </c>
      <c r="K41" s="11">
        <v>0</v>
      </c>
      <c r="L41" s="10">
        <v>0</v>
      </c>
      <c r="M41" s="11">
        <v>0</v>
      </c>
      <c r="N41" s="10">
        <v>0</v>
      </c>
      <c r="O41" s="11">
        <v>0</v>
      </c>
      <c r="P41" s="91">
        <v>0</v>
      </c>
      <c r="Q41" s="12">
        <v>0</v>
      </c>
      <c r="R41" s="90">
        <v>0</v>
      </c>
    </row>
    <row r="42" spans="1:18" ht="18" customHeight="1" x14ac:dyDescent="0.2">
      <c r="A42" s="55"/>
      <c r="B42" s="51" t="s">
        <v>15</v>
      </c>
      <c r="C42" s="52"/>
      <c r="D42" s="53"/>
      <c r="E42" s="12">
        <f t="shared" si="0"/>
        <v>346</v>
      </c>
      <c r="F42" s="10">
        <f t="shared" si="1"/>
        <v>2466</v>
      </c>
      <c r="G42" s="11">
        <v>187</v>
      </c>
      <c r="H42" s="10">
        <v>445</v>
      </c>
      <c r="I42" s="11">
        <v>88</v>
      </c>
      <c r="J42" s="10">
        <v>588</v>
      </c>
      <c r="K42" s="11">
        <v>49</v>
      </c>
      <c r="L42" s="10">
        <v>674</v>
      </c>
      <c r="M42" s="11">
        <v>9</v>
      </c>
      <c r="N42" s="10">
        <v>213</v>
      </c>
      <c r="O42" s="11">
        <v>11</v>
      </c>
      <c r="P42" s="10">
        <v>546</v>
      </c>
      <c r="Q42" s="11">
        <v>2</v>
      </c>
      <c r="R42" s="90">
        <v>0</v>
      </c>
    </row>
    <row r="43" spans="1:18" ht="18" customHeight="1" x14ac:dyDescent="0.2">
      <c r="A43" s="55"/>
      <c r="B43" s="51" t="s">
        <v>14</v>
      </c>
      <c r="C43" s="52"/>
      <c r="D43" s="53"/>
      <c r="E43" s="12">
        <f t="shared" si="0"/>
        <v>216</v>
      </c>
      <c r="F43" s="10">
        <f t="shared" si="1"/>
        <v>4686</v>
      </c>
      <c r="G43" s="11">
        <v>54</v>
      </c>
      <c r="H43" s="10">
        <v>130</v>
      </c>
      <c r="I43" s="11">
        <v>46</v>
      </c>
      <c r="J43" s="10">
        <v>308</v>
      </c>
      <c r="K43" s="11">
        <v>43</v>
      </c>
      <c r="L43" s="10">
        <v>581</v>
      </c>
      <c r="M43" s="11">
        <v>32</v>
      </c>
      <c r="N43" s="10">
        <v>741</v>
      </c>
      <c r="O43" s="11">
        <v>41</v>
      </c>
      <c r="P43" s="10">
        <v>2926</v>
      </c>
      <c r="Q43" s="11">
        <v>0</v>
      </c>
      <c r="R43" s="90">
        <v>0</v>
      </c>
    </row>
    <row r="44" spans="1:18" ht="18" customHeight="1" x14ac:dyDescent="0.2">
      <c r="A44" s="55"/>
      <c r="B44" s="51" t="s">
        <v>13</v>
      </c>
      <c r="C44" s="52"/>
      <c r="D44" s="53"/>
      <c r="E44" s="12">
        <f t="shared" si="0"/>
        <v>6</v>
      </c>
      <c r="F44" s="10">
        <f t="shared" si="1"/>
        <v>78</v>
      </c>
      <c r="G44" s="11">
        <v>1</v>
      </c>
      <c r="H44" s="10">
        <v>2</v>
      </c>
      <c r="I44" s="11">
        <v>1</v>
      </c>
      <c r="J44" s="10">
        <v>7</v>
      </c>
      <c r="K44" s="11">
        <v>2</v>
      </c>
      <c r="L44" s="10">
        <v>24</v>
      </c>
      <c r="M44" s="11">
        <v>2</v>
      </c>
      <c r="N44" s="10">
        <v>45</v>
      </c>
      <c r="O44" s="11">
        <v>0</v>
      </c>
      <c r="P44" s="91">
        <v>0</v>
      </c>
      <c r="Q44" s="12">
        <v>0</v>
      </c>
      <c r="R44" s="90">
        <v>0</v>
      </c>
    </row>
    <row r="45" spans="1:18" ht="18" customHeight="1" x14ac:dyDescent="0.2">
      <c r="A45" s="55"/>
      <c r="B45" s="51" t="s">
        <v>12</v>
      </c>
      <c r="C45" s="52"/>
      <c r="D45" s="53"/>
      <c r="E45" s="94">
        <f t="shared" si="0"/>
        <v>15</v>
      </c>
      <c r="F45" s="95">
        <f t="shared" si="1"/>
        <v>153</v>
      </c>
      <c r="G45" s="11">
        <v>12</v>
      </c>
      <c r="H45" s="10">
        <v>20</v>
      </c>
      <c r="I45" s="11">
        <v>1</v>
      </c>
      <c r="J45" s="10">
        <v>5</v>
      </c>
      <c r="K45" s="11">
        <v>0</v>
      </c>
      <c r="L45" s="10">
        <v>0</v>
      </c>
      <c r="M45" s="11">
        <v>0</v>
      </c>
      <c r="N45" s="10">
        <v>0</v>
      </c>
      <c r="O45" s="11">
        <v>2</v>
      </c>
      <c r="P45" s="91">
        <v>128</v>
      </c>
      <c r="Q45" s="12">
        <v>0</v>
      </c>
      <c r="R45" s="90">
        <v>0</v>
      </c>
    </row>
    <row r="46" spans="1:18" ht="18" customHeight="1" x14ac:dyDescent="0.2">
      <c r="A46" s="55"/>
      <c r="B46" s="51" t="s">
        <v>11</v>
      </c>
      <c r="C46" s="52"/>
      <c r="D46" s="53"/>
      <c r="E46" s="12">
        <f t="shared" si="0"/>
        <v>181</v>
      </c>
      <c r="F46" s="10">
        <f t="shared" si="1"/>
        <v>5671</v>
      </c>
      <c r="G46" s="11">
        <v>37</v>
      </c>
      <c r="H46" s="10">
        <v>76</v>
      </c>
      <c r="I46" s="11">
        <v>27</v>
      </c>
      <c r="J46" s="10">
        <v>185</v>
      </c>
      <c r="K46" s="11">
        <v>40</v>
      </c>
      <c r="L46" s="10">
        <v>556</v>
      </c>
      <c r="M46" s="11">
        <v>23</v>
      </c>
      <c r="N46" s="10">
        <v>561</v>
      </c>
      <c r="O46" s="11">
        <v>51</v>
      </c>
      <c r="P46" s="91">
        <v>4293</v>
      </c>
      <c r="Q46" s="12">
        <v>3</v>
      </c>
      <c r="R46" s="90">
        <v>0</v>
      </c>
    </row>
    <row r="47" spans="1:18" ht="18" customHeight="1" x14ac:dyDescent="0.2">
      <c r="A47" s="55"/>
      <c r="B47" s="51" t="s">
        <v>10</v>
      </c>
      <c r="C47" s="52"/>
      <c r="D47" s="53"/>
      <c r="E47" s="12">
        <f t="shared" si="0"/>
        <v>462</v>
      </c>
      <c r="F47" s="95">
        <f t="shared" si="1"/>
        <v>5551</v>
      </c>
      <c r="G47" s="11">
        <v>219</v>
      </c>
      <c r="H47" s="10">
        <v>520</v>
      </c>
      <c r="I47" s="11">
        <v>98</v>
      </c>
      <c r="J47" s="10">
        <v>640</v>
      </c>
      <c r="K47" s="11">
        <v>77</v>
      </c>
      <c r="L47" s="10">
        <v>1061</v>
      </c>
      <c r="M47" s="11">
        <v>35</v>
      </c>
      <c r="N47" s="10">
        <v>842</v>
      </c>
      <c r="O47" s="11">
        <v>28</v>
      </c>
      <c r="P47" s="10">
        <v>2488</v>
      </c>
      <c r="Q47" s="11">
        <v>5</v>
      </c>
      <c r="R47" s="90">
        <v>0</v>
      </c>
    </row>
    <row r="48" spans="1:18" ht="18" customHeight="1" x14ac:dyDescent="0.2">
      <c r="A48" s="55"/>
      <c r="B48" s="51" t="s">
        <v>9</v>
      </c>
      <c r="C48" s="52"/>
      <c r="D48" s="53"/>
      <c r="E48" s="12">
        <f t="shared" si="0"/>
        <v>21</v>
      </c>
      <c r="F48" s="96">
        <f t="shared" si="1"/>
        <v>108</v>
      </c>
      <c r="G48" s="11">
        <v>15</v>
      </c>
      <c r="H48" s="10">
        <v>27</v>
      </c>
      <c r="I48" s="11">
        <v>2</v>
      </c>
      <c r="J48" s="10">
        <v>13</v>
      </c>
      <c r="K48" s="11">
        <v>3</v>
      </c>
      <c r="L48" s="10">
        <v>40</v>
      </c>
      <c r="M48" s="11">
        <v>1</v>
      </c>
      <c r="N48" s="10">
        <v>28</v>
      </c>
      <c r="O48" s="11">
        <v>0</v>
      </c>
      <c r="P48" s="91">
        <v>0</v>
      </c>
      <c r="Q48" s="12">
        <v>0</v>
      </c>
      <c r="R48" s="90">
        <v>0</v>
      </c>
    </row>
    <row r="49" spans="1:18" ht="18" customHeight="1" x14ac:dyDescent="0.2">
      <c r="A49" s="55"/>
      <c r="B49" s="51" t="s">
        <v>8</v>
      </c>
      <c r="C49" s="52"/>
      <c r="D49" s="53"/>
      <c r="E49" s="94">
        <f t="shared" si="0"/>
        <v>66</v>
      </c>
      <c r="F49" s="96">
        <f t="shared" si="1"/>
        <v>419</v>
      </c>
      <c r="G49" s="11">
        <v>44</v>
      </c>
      <c r="H49" s="10">
        <v>88</v>
      </c>
      <c r="I49" s="11">
        <v>8</v>
      </c>
      <c r="J49" s="10">
        <v>56</v>
      </c>
      <c r="K49" s="11">
        <v>6</v>
      </c>
      <c r="L49" s="10">
        <v>88</v>
      </c>
      <c r="M49" s="11">
        <v>3</v>
      </c>
      <c r="N49" s="10">
        <v>74</v>
      </c>
      <c r="O49" s="11">
        <v>3</v>
      </c>
      <c r="P49" s="91">
        <v>113</v>
      </c>
      <c r="Q49" s="12">
        <v>2</v>
      </c>
      <c r="R49" s="90">
        <v>0</v>
      </c>
    </row>
    <row r="50" spans="1:18" ht="18" customHeight="1" x14ac:dyDescent="0.2">
      <c r="A50" s="55"/>
      <c r="B50" s="51" t="s">
        <v>7</v>
      </c>
      <c r="C50" s="52"/>
      <c r="D50" s="53"/>
      <c r="E50" s="97">
        <f t="shared" si="0"/>
        <v>52</v>
      </c>
      <c r="F50" s="96">
        <f t="shared" si="1"/>
        <v>416</v>
      </c>
      <c r="G50" s="11">
        <v>38</v>
      </c>
      <c r="H50" s="10">
        <v>84</v>
      </c>
      <c r="I50" s="11">
        <v>5</v>
      </c>
      <c r="J50" s="10">
        <v>29</v>
      </c>
      <c r="K50" s="11">
        <v>5</v>
      </c>
      <c r="L50" s="10">
        <v>68</v>
      </c>
      <c r="M50" s="11">
        <v>0</v>
      </c>
      <c r="N50" s="10">
        <v>0</v>
      </c>
      <c r="O50" s="11">
        <v>3</v>
      </c>
      <c r="P50" s="91">
        <v>235</v>
      </c>
      <c r="Q50" s="12">
        <v>1</v>
      </c>
      <c r="R50" s="90">
        <v>0</v>
      </c>
    </row>
    <row r="51" spans="1:18" ht="18" customHeight="1" x14ac:dyDescent="0.2">
      <c r="A51" s="55"/>
      <c r="B51" s="51" t="s">
        <v>5</v>
      </c>
      <c r="C51" s="52"/>
      <c r="D51" s="53"/>
      <c r="E51" s="12">
        <f t="shared" si="0"/>
        <v>164</v>
      </c>
      <c r="F51" s="10">
        <f t="shared" si="1"/>
        <v>907</v>
      </c>
      <c r="G51" s="11">
        <v>104</v>
      </c>
      <c r="H51" s="10">
        <v>215</v>
      </c>
      <c r="I51" s="11">
        <v>38</v>
      </c>
      <c r="J51" s="10">
        <v>238</v>
      </c>
      <c r="K51" s="11">
        <v>14</v>
      </c>
      <c r="L51" s="10">
        <v>179</v>
      </c>
      <c r="M51" s="11">
        <v>4</v>
      </c>
      <c r="N51" s="10">
        <v>98</v>
      </c>
      <c r="O51" s="11">
        <v>3</v>
      </c>
      <c r="P51" s="91">
        <v>177</v>
      </c>
      <c r="Q51" s="12">
        <v>1</v>
      </c>
      <c r="R51" s="90">
        <v>0</v>
      </c>
    </row>
    <row r="52" spans="1:18" ht="18" customHeight="1" x14ac:dyDescent="0.2">
      <c r="A52" s="55"/>
      <c r="B52" s="51" t="s">
        <v>4</v>
      </c>
      <c r="C52" s="52"/>
      <c r="D52" s="53"/>
      <c r="E52" s="94">
        <f t="shared" si="0"/>
        <v>154</v>
      </c>
      <c r="F52" s="95">
        <f t="shared" si="1"/>
        <v>1575</v>
      </c>
      <c r="G52" s="11">
        <v>111</v>
      </c>
      <c r="H52" s="10">
        <v>191</v>
      </c>
      <c r="I52" s="11">
        <v>16</v>
      </c>
      <c r="J52" s="10">
        <v>92</v>
      </c>
      <c r="K52" s="11">
        <v>10</v>
      </c>
      <c r="L52" s="10">
        <v>141</v>
      </c>
      <c r="M52" s="11">
        <v>1</v>
      </c>
      <c r="N52" s="10">
        <v>25</v>
      </c>
      <c r="O52" s="11">
        <v>14</v>
      </c>
      <c r="P52" s="91">
        <v>1126</v>
      </c>
      <c r="Q52" s="12">
        <v>2</v>
      </c>
      <c r="R52" s="90">
        <v>0</v>
      </c>
    </row>
    <row r="53" spans="1:18" ht="18" customHeight="1" x14ac:dyDescent="0.2">
      <c r="A53" s="55"/>
      <c r="B53" s="51" t="s">
        <v>3</v>
      </c>
      <c r="C53" s="52"/>
      <c r="D53" s="53"/>
      <c r="E53" s="97">
        <f t="shared" si="0"/>
        <v>63</v>
      </c>
      <c r="F53" s="96">
        <f t="shared" si="1"/>
        <v>1426</v>
      </c>
      <c r="G53" s="11">
        <v>26</v>
      </c>
      <c r="H53" s="10">
        <v>50</v>
      </c>
      <c r="I53" s="11">
        <v>3</v>
      </c>
      <c r="J53" s="10">
        <v>22</v>
      </c>
      <c r="K53" s="11">
        <v>10</v>
      </c>
      <c r="L53" s="10">
        <v>148</v>
      </c>
      <c r="M53" s="11">
        <v>6</v>
      </c>
      <c r="N53" s="10">
        <v>145</v>
      </c>
      <c r="O53" s="11">
        <v>18</v>
      </c>
      <c r="P53" s="10">
        <v>1061</v>
      </c>
      <c r="Q53" s="11">
        <v>0</v>
      </c>
      <c r="R53" s="90">
        <v>0</v>
      </c>
    </row>
    <row r="54" spans="1:18" ht="18" customHeight="1" x14ac:dyDescent="0.2">
      <c r="A54" s="55"/>
      <c r="B54" s="51" t="s">
        <v>2</v>
      </c>
      <c r="C54" s="52"/>
      <c r="D54" s="53"/>
      <c r="E54" s="97">
        <f t="shared" si="0"/>
        <v>214</v>
      </c>
      <c r="F54" s="10">
        <f t="shared" si="1"/>
        <v>3285</v>
      </c>
      <c r="G54" s="11">
        <v>80</v>
      </c>
      <c r="H54" s="10">
        <v>174</v>
      </c>
      <c r="I54" s="11">
        <v>45</v>
      </c>
      <c r="J54" s="10">
        <v>285</v>
      </c>
      <c r="K54" s="11">
        <v>49</v>
      </c>
      <c r="L54" s="10">
        <v>665</v>
      </c>
      <c r="M54" s="11">
        <v>17</v>
      </c>
      <c r="N54" s="10">
        <v>415</v>
      </c>
      <c r="O54" s="11">
        <v>20</v>
      </c>
      <c r="P54" s="10">
        <v>1746</v>
      </c>
      <c r="Q54" s="11">
        <v>3</v>
      </c>
      <c r="R54" s="90">
        <v>0</v>
      </c>
    </row>
    <row r="55" spans="1:18" ht="18" customHeight="1" x14ac:dyDescent="0.2">
      <c r="A55" s="55"/>
      <c r="B55" s="51" t="s">
        <v>1</v>
      </c>
      <c r="C55" s="52"/>
      <c r="D55" s="53"/>
      <c r="E55" s="12">
        <f t="shared" si="0"/>
        <v>22</v>
      </c>
      <c r="F55" s="10">
        <f t="shared" si="1"/>
        <v>253</v>
      </c>
      <c r="G55" s="11">
        <v>10</v>
      </c>
      <c r="H55" s="10">
        <v>29</v>
      </c>
      <c r="I55" s="11">
        <v>9</v>
      </c>
      <c r="J55" s="10">
        <v>50</v>
      </c>
      <c r="K55" s="11">
        <v>1</v>
      </c>
      <c r="L55" s="10">
        <v>15</v>
      </c>
      <c r="M55" s="11">
        <v>0</v>
      </c>
      <c r="N55" s="10">
        <v>0</v>
      </c>
      <c r="O55" s="11">
        <v>2</v>
      </c>
      <c r="P55" s="91">
        <v>159</v>
      </c>
      <c r="Q55" s="12">
        <v>0</v>
      </c>
      <c r="R55" s="90">
        <v>0</v>
      </c>
    </row>
    <row r="56" spans="1:18" ht="18" customHeight="1" thickBot="1" x14ac:dyDescent="0.25">
      <c r="A56" s="56"/>
      <c r="B56" s="60" t="s">
        <v>0</v>
      </c>
      <c r="C56" s="61"/>
      <c r="D56" s="62"/>
      <c r="E56" s="6">
        <f t="shared" si="0"/>
        <v>186</v>
      </c>
      <c r="F56" s="4">
        <f t="shared" si="1"/>
        <v>1567</v>
      </c>
      <c r="G56" s="5">
        <v>114</v>
      </c>
      <c r="H56" s="4">
        <v>221</v>
      </c>
      <c r="I56" s="5">
        <v>28</v>
      </c>
      <c r="J56" s="4">
        <v>191</v>
      </c>
      <c r="K56" s="5">
        <v>20</v>
      </c>
      <c r="L56" s="4">
        <v>264</v>
      </c>
      <c r="M56" s="5">
        <v>6</v>
      </c>
      <c r="N56" s="4">
        <v>141</v>
      </c>
      <c r="O56" s="5">
        <v>14</v>
      </c>
      <c r="P56" s="92">
        <v>750</v>
      </c>
      <c r="Q56" s="6">
        <v>4</v>
      </c>
      <c r="R56" s="93">
        <v>0</v>
      </c>
    </row>
  </sheetData>
  <mergeCells count="71">
    <mergeCell ref="A37:D38"/>
    <mergeCell ref="I37:J37"/>
    <mergeCell ref="K37:L37"/>
    <mergeCell ref="M37:N37"/>
    <mergeCell ref="O37:P37"/>
    <mergeCell ref="E37:F37"/>
    <mergeCell ref="G37:H37"/>
    <mergeCell ref="B54:D54"/>
    <mergeCell ref="B55:D55"/>
    <mergeCell ref="B56:D56"/>
    <mergeCell ref="A39:A56"/>
    <mergeCell ref="B39:D39"/>
    <mergeCell ref="B40:D40"/>
    <mergeCell ref="B41:D41"/>
    <mergeCell ref="B42:D42"/>
    <mergeCell ref="B43:D43"/>
    <mergeCell ref="B44:D44"/>
    <mergeCell ref="B45:D45"/>
    <mergeCell ref="B46:D46"/>
    <mergeCell ref="B47:D47"/>
    <mergeCell ref="B48:D48"/>
    <mergeCell ref="B49:D49"/>
    <mergeCell ref="B50:D50"/>
    <mergeCell ref="B51:D51"/>
    <mergeCell ref="B52:D52"/>
    <mergeCell ref="B53:D53"/>
    <mergeCell ref="G1:H1"/>
    <mergeCell ref="I1:J1"/>
    <mergeCell ref="A6:B6"/>
    <mergeCell ref="A7:B7"/>
    <mergeCell ref="A8:B8"/>
    <mergeCell ref="A3:B3"/>
    <mergeCell ref="A4:B4"/>
    <mergeCell ref="A5:B5"/>
    <mergeCell ref="A1:B2"/>
    <mergeCell ref="C1:C2"/>
    <mergeCell ref="A9:B9"/>
    <mergeCell ref="A10:B10"/>
    <mergeCell ref="A11:B11"/>
    <mergeCell ref="K1:L1"/>
    <mergeCell ref="M1:N1"/>
    <mergeCell ref="O1:P1"/>
    <mergeCell ref="D1:D2"/>
    <mergeCell ref="E1:F1"/>
    <mergeCell ref="B36:D36"/>
    <mergeCell ref="A12:B12"/>
    <mergeCell ref="A13:B13"/>
    <mergeCell ref="B27:D27"/>
    <mergeCell ref="B28:D28"/>
    <mergeCell ref="B29:D29"/>
    <mergeCell ref="A14:B14"/>
    <mergeCell ref="A15:B15"/>
    <mergeCell ref="A16:B16"/>
    <mergeCell ref="A17:B17"/>
    <mergeCell ref="A18:B18"/>
    <mergeCell ref="Q37:R37"/>
    <mergeCell ref="B30:D30"/>
    <mergeCell ref="B31:D31"/>
    <mergeCell ref="B32:D32"/>
    <mergeCell ref="A19:A36"/>
    <mergeCell ref="B19:D19"/>
    <mergeCell ref="B20:D20"/>
    <mergeCell ref="B21:D21"/>
    <mergeCell ref="B22:D22"/>
    <mergeCell ref="B23:D23"/>
    <mergeCell ref="B24:D24"/>
    <mergeCell ref="B25:D25"/>
    <mergeCell ref="B26:D26"/>
    <mergeCell ref="B33:D33"/>
    <mergeCell ref="B34:D34"/>
    <mergeCell ref="B35:D35"/>
  </mergeCells>
  <phoneticPr fontId="2"/>
  <pageMargins left="0.59055118110236227" right="0.43307086614173229" top="0.78740157480314965" bottom="0.98425196850393704" header="0.11811023622047245" footer="0.51181102362204722"/>
  <pageSetup paperSize="9" scale="88" orientation="portrait" horizontalDpi="300" verticalDpi="300" r:id="rId1"/>
  <headerFooter alignWithMargins="0">
    <oddHeader>&amp;L&amp;14 １－２　従業者規模別事業所数&amp;11
　　　　資料　　事業所統計、事業所・企業統計調査、事業所名簿整備調査、
　　　　　　　　経済センサス-基礎調査、経済センサス-活動調査</oddHeader>
    <oddFooter>&amp;L※対象事業所は民営事業所のみ。</oddFooter>
  </headerFooter>
  <rowBreaks count="1" manualBreakCount="1">
    <brk id="36" max="1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2 従業者規模別事業所数</vt:lpstr>
      <vt:lpstr>'1-2 従業者規模別事業所数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3-09-07T04:15:53Z</cp:lastPrinted>
  <dcterms:created xsi:type="dcterms:W3CDTF">2018-10-31T00:22:32Z</dcterms:created>
  <dcterms:modified xsi:type="dcterms:W3CDTF">2023-09-08T06:15:33Z</dcterms:modified>
</cp:coreProperties>
</file>